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1_03人口・労働統計課\01人口\02_人口統計\02_年報\R3年報\06_ホームページ用\"/>
    </mc:Choice>
  </mc:AlternateContent>
  <bookViews>
    <workbookView xWindow="0" yWindow="0" windowWidth="28800" windowHeight="12885"/>
  </bookViews>
  <sheets>
    <sheet name="第２表" sheetId="1" r:id="rId1"/>
  </sheets>
  <externalReferences>
    <externalReference r:id="rId2"/>
  </externalReferences>
  <definedNames>
    <definedName name="_Key1" localSheetId="0" hidden="1">#REF!</definedName>
    <definedName name="_Key1" hidden="1">#REF!</definedName>
    <definedName name="_Order1" hidden="1">255</definedName>
    <definedName name="_Sort" localSheetId="0" hidden="1">#REF!</definedName>
    <definedName name="_Sort" hidden="1">#REF!</definedName>
    <definedName name="_xlnm.Print_Area" localSheetId="0">第２表!$A$1:$L$86</definedName>
    <definedName name="月報">"グラフ 1"</definedName>
    <definedName name="市名">[1]様式1!$X$6:$X$9</definedName>
    <definedName name="第１表2011年10月分">#REF!</definedName>
    <definedName name="第１表2011年11月分">#REF!</definedName>
    <definedName name="第１表2011年１月分">#REF!</definedName>
    <definedName name="第１表2011年２月分">#REF!</definedName>
    <definedName name="第１表2011年３月分">#REF!</definedName>
    <definedName name="第１表2011年４月分">#REF!</definedName>
    <definedName name="第１表2011年５月分">#REF!</definedName>
    <definedName name="第１表2011年６月分">#REF!</definedName>
    <definedName name="第１表2011年７月分">#REF!</definedName>
    <definedName name="第１表2011年８月分">#REF!</definedName>
    <definedName name="第１表2011年９月分">#REF!</definedName>
    <definedName name="第５表の１2011年10月分">#REF!</definedName>
    <definedName name="第５表の１2011年11月分">#REF!</definedName>
    <definedName name="第５表の１2011年12月分">#REF!</definedName>
    <definedName name="第５表の１2011年１月分">#REF!</definedName>
    <definedName name="第５表の１2011年２月分">#REF!</definedName>
    <definedName name="第５表の１2011年３月分">#REF!</definedName>
    <definedName name="第５表の１2011年４月分">#REF!</definedName>
    <definedName name="第５表の１2011年５月分">#REF!</definedName>
    <definedName name="第５表の１2011年６月分">#REF!</definedName>
    <definedName name="第５表の１2011年７月分">#REF!</definedName>
    <definedName name="第５表の１2011年８月分">#REF!</definedName>
    <definedName name="第５表の１2011年９月分">#REF!</definedName>
    <definedName name="第５表の２2011年10月分">#REF!</definedName>
    <definedName name="第５表の２2011年11月分">#REF!</definedName>
    <definedName name="第５表の２2011年12月分">#REF!</definedName>
    <definedName name="第５表の２2011年１月分">#REF!</definedName>
    <definedName name="第５表の２2011年２月分">#REF!</definedName>
    <definedName name="第５表の２2011年３月分">#REF!</definedName>
    <definedName name="第５表の２2011年４月分">#REF!</definedName>
    <definedName name="第５表の２2011年５月分">#REF!</definedName>
    <definedName name="第５表の２2011年６月分">#REF!</definedName>
    <definedName name="第５表の２2011年７月分">#REF!</definedName>
    <definedName name="第５表の２2011年８月分">#REF!</definedName>
    <definedName name="第５表の２2011年９月分">#REF!</definedName>
    <definedName name="平成23年１月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0" uniqueCount="34">
  <si>
    <t>年次別人口増減</t>
    <rPh sb="0" eb="3">
      <t>ネンジベツ</t>
    </rPh>
    <rPh sb="3" eb="7">
      <t>ジンコウゾウゲン</t>
    </rPh>
    <phoneticPr fontId="2"/>
  </si>
  <si>
    <t>第２表</t>
    <rPh sb="0" eb="1">
      <t>ダイ</t>
    </rPh>
    <rPh sb="2" eb="3">
      <t>ヒョウ</t>
    </rPh>
    <phoneticPr fontId="2"/>
  </si>
  <si>
    <t>年次</t>
    <rPh sb="0" eb="2">
      <t>ネンジ</t>
    </rPh>
    <phoneticPr fontId="2"/>
  </si>
  <si>
    <t>年　　間
人口増減</t>
    <rPh sb="0" eb="1">
      <t>トシ</t>
    </rPh>
    <rPh sb="3" eb="4">
      <t>アイダ</t>
    </rPh>
    <rPh sb="5" eb="9">
      <t>ジンコウゾウゲン</t>
    </rPh>
    <phoneticPr fontId="2"/>
  </si>
  <si>
    <t>自然増減</t>
    <rPh sb="0" eb="4">
      <t>シゼンゾウゲン</t>
    </rPh>
    <phoneticPr fontId="2"/>
  </si>
  <si>
    <t>社会増減</t>
    <rPh sb="0" eb="4">
      <t>シャカイゾウゲン</t>
    </rPh>
    <phoneticPr fontId="2"/>
  </si>
  <si>
    <t>出生率</t>
    <rPh sb="0" eb="3">
      <t>シュッセイリツ</t>
    </rPh>
    <phoneticPr fontId="2"/>
  </si>
  <si>
    <t>死亡率</t>
    <rPh sb="0" eb="3">
      <t>シボウリツ</t>
    </rPh>
    <phoneticPr fontId="2"/>
  </si>
  <si>
    <t>出生</t>
    <rPh sb="0" eb="2">
      <t>シュッセイ</t>
    </rPh>
    <phoneticPr fontId="2"/>
  </si>
  <si>
    <t>死亡</t>
    <rPh sb="0" eb="2">
      <t>シボウ</t>
    </rPh>
    <phoneticPr fontId="2"/>
  </si>
  <si>
    <t>転入</t>
    <rPh sb="0" eb="2">
      <t>テンニュウ</t>
    </rPh>
    <phoneticPr fontId="2"/>
  </si>
  <si>
    <t>転出</t>
    <rPh sb="0" eb="2">
      <t>テンシュツ</t>
    </rPh>
    <phoneticPr fontId="2"/>
  </si>
  <si>
    <t>人</t>
    <rPh sb="0" eb="1">
      <t>ヒト</t>
    </rPh>
    <phoneticPr fontId="2"/>
  </si>
  <si>
    <t>33(1958)</t>
  </si>
  <si>
    <t>(注1)転入・転出には、県内市区町村間の移動を含む。</t>
    <rPh sb="1" eb="2">
      <t>チュウ</t>
    </rPh>
    <rPh sb="4" eb="6">
      <t>テンニュウ</t>
    </rPh>
    <rPh sb="7" eb="9">
      <t>テンシュツ</t>
    </rPh>
    <rPh sb="12" eb="19">
      <t>ケンナイシクチョウソンカン</t>
    </rPh>
    <rPh sb="20" eb="22">
      <t>イドウ</t>
    </rPh>
    <rPh sb="23" eb="24">
      <t>フク</t>
    </rPh>
    <phoneticPr fontId="2"/>
  </si>
  <si>
    <t>令和3年</t>
  </si>
  <si>
    <t>2(2020)</t>
  </si>
  <si>
    <t>平成31・元</t>
  </si>
  <si>
    <t>27(2015)</t>
  </si>
  <si>
    <t>22(2010)</t>
  </si>
  <si>
    <t>17(2005)</t>
  </si>
  <si>
    <t>12(2000)</t>
  </si>
  <si>
    <t>7(1995)</t>
  </si>
  <si>
    <t>2(1990)</t>
  </si>
  <si>
    <t>元</t>
  </si>
  <si>
    <t>昭和63年</t>
  </si>
  <si>
    <t>60(1985)</t>
  </si>
  <si>
    <t>55(1980)</t>
  </si>
  <si>
    <t>50(1975)</t>
  </si>
  <si>
    <t>45(1970)</t>
  </si>
  <si>
    <t>(注2)出生率：年央人口(７月１日現在の人口)1,000人当りの年間出生数。</t>
    <rPh sb="1" eb="2">
      <t>チュウ</t>
    </rPh>
    <rPh sb="4" eb="7">
      <t>シュッセイリツ</t>
    </rPh>
    <rPh sb="8" eb="9">
      <t>ネン</t>
    </rPh>
    <rPh sb="9" eb="10">
      <t>オウ</t>
    </rPh>
    <rPh sb="10" eb="12">
      <t>ジンコウ</t>
    </rPh>
    <rPh sb="14" eb="15">
      <t>ツキ</t>
    </rPh>
    <rPh sb="16" eb="17">
      <t>ヒ</t>
    </rPh>
    <rPh sb="17" eb="19">
      <t>ゲンザイ</t>
    </rPh>
    <rPh sb="20" eb="22">
      <t>ジンコウ</t>
    </rPh>
    <rPh sb="28" eb="29">
      <t>ニン</t>
    </rPh>
    <rPh sb="29" eb="30">
      <t>アタ</t>
    </rPh>
    <rPh sb="32" eb="37">
      <t>ネンカンシュッセイスウ</t>
    </rPh>
    <phoneticPr fontId="2"/>
  </si>
  <si>
    <t>(注3)死亡率：年央人口(７月１日現在の人口)1,000人当りの年間死亡数。</t>
    <rPh sb="1" eb="2">
      <t>チュウ</t>
    </rPh>
    <rPh sb="4" eb="7">
      <t>シボウリツ</t>
    </rPh>
    <rPh sb="8" eb="9">
      <t>ネン</t>
    </rPh>
    <rPh sb="9" eb="10">
      <t>オウ</t>
    </rPh>
    <rPh sb="10" eb="12">
      <t>ジンコウ</t>
    </rPh>
    <rPh sb="14" eb="15">
      <t>ツキ</t>
    </rPh>
    <rPh sb="16" eb="17">
      <t>ヒ</t>
    </rPh>
    <rPh sb="17" eb="19">
      <t>ゲンザイ</t>
    </rPh>
    <rPh sb="20" eb="22">
      <t>ジンコウ</t>
    </rPh>
    <rPh sb="28" eb="29">
      <t>ニン</t>
    </rPh>
    <rPh sb="29" eb="30">
      <t>アタ</t>
    </rPh>
    <rPh sb="32" eb="34">
      <t>ネンカン</t>
    </rPh>
    <rPh sb="34" eb="37">
      <t>シボウスウ</t>
    </rPh>
    <phoneticPr fontId="2"/>
  </si>
  <si>
    <t>40(1965)</t>
  </si>
  <si>
    <t>35(1960)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_ "/>
    <numFmt numFmtId="177" formatCode="0.0_ "/>
  </numFmts>
  <fonts count="6" x14ac:knownFonts="1">
    <font>
      <sz val="12"/>
      <color theme="1"/>
      <name val="ＭＳ 明朝"/>
      <family val="2"/>
      <charset val="128"/>
    </font>
    <font>
      <sz val="12"/>
      <color theme="1"/>
      <name val="HGPｺﾞｼｯｸM"/>
      <family val="3"/>
      <charset val="128"/>
    </font>
    <font>
      <sz val="6"/>
      <name val="ＭＳ 明朝"/>
      <family val="2"/>
      <charset val="128"/>
    </font>
    <font>
      <sz val="8"/>
      <color theme="1"/>
      <name val="HGPｺﾞｼｯｸM"/>
      <family val="3"/>
      <charset val="128"/>
    </font>
    <font>
      <sz val="8"/>
      <color theme="0"/>
      <name val="HGPｺﾞｼｯｸM"/>
      <family val="3"/>
      <charset val="128"/>
    </font>
    <font>
      <b/>
      <sz val="8"/>
      <color theme="1"/>
      <name val="HGPｺﾞｼｯｸM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5" tint="-0.499984740745262"/>
        <bgColor indexed="64"/>
      </patternFill>
    </fill>
    <fill>
      <patternFill patternType="solid">
        <fgColor theme="5" tint="0.59999389629810485"/>
        <bgColor indexed="64"/>
      </patternFill>
    </fill>
  </fills>
  <borders count="21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64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right" vertical="center"/>
    </xf>
    <xf numFmtId="0" fontId="3" fillId="0" borderId="10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3" xfId="0" applyFont="1" applyBorder="1">
      <alignment vertical="center"/>
    </xf>
    <xf numFmtId="0" fontId="3" fillId="0" borderId="0" xfId="0" applyFont="1" applyBorder="1">
      <alignment vertical="center"/>
    </xf>
    <xf numFmtId="0" fontId="3" fillId="0" borderId="14" xfId="0" applyFont="1" applyBorder="1" applyAlignment="1">
      <alignment horizontal="right" vertical="center"/>
    </xf>
    <xf numFmtId="0" fontId="3" fillId="0" borderId="0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0" fontId="4" fillId="2" borderId="13" xfId="0" applyFont="1" applyFill="1" applyBorder="1" applyAlignment="1">
      <alignment horizontal="distributed" vertical="center"/>
    </xf>
    <xf numFmtId="0" fontId="4" fillId="2" borderId="0" xfId="0" applyFont="1" applyFill="1" applyBorder="1" applyAlignment="1">
      <alignment horizontal="distributed" vertical="center"/>
    </xf>
    <xf numFmtId="0" fontId="4" fillId="2" borderId="0" xfId="0" applyFont="1" applyFill="1" applyBorder="1">
      <alignment vertical="center"/>
    </xf>
    <xf numFmtId="176" fontId="4" fillId="2" borderId="14" xfId="0" applyNumberFormat="1" applyFont="1" applyFill="1" applyBorder="1" applyAlignment="1">
      <alignment horizontal="right" vertical="center"/>
    </xf>
    <xf numFmtId="177" fontId="4" fillId="2" borderId="0" xfId="0" applyNumberFormat="1" applyFont="1" applyFill="1" applyBorder="1" applyAlignment="1">
      <alignment horizontal="right" vertical="center"/>
    </xf>
    <xf numFmtId="177" fontId="4" fillId="2" borderId="15" xfId="0" applyNumberFormat="1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distributed" vertical="center"/>
    </xf>
    <xf numFmtId="0" fontId="3" fillId="0" borderId="0" xfId="0" applyFont="1" applyFill="1" applyBorder="1" applyAlignment="1">
      <alignment horizontal="distributed" vertical="center"/>
    </xf>
    <xf numFmtId="0" fontId="3" fillId="0" borderId="0" xfId="0" applyFont="1" applyFill="1" applyBorder="1">
      <alignment vertical="center"/>
    </xf>
    <xf numFmtId="176" fontId="3" fillId="0" borderId="14" xfId="0" applyNumberFormat="1" applyFont="1" applyFill="1" applyBorder="1" applyAlignment="1">
      <alignment horizontal="right" vertical="center"/>
    </xf>
    <xf numFmtId="177" fontId="3" fillId="0" borderId="0" xfId="0" applyNumberFormat="1" applyFont="1" applyFill="1" applyBorder="1" applyAlignment="1">
      <alignment horizontal="right" vertical="center"/>
    </xf>
    <xf numFmtId="177" fontId="3" fillId="0" borderId="15" xfId="0" applyNumberFormat="1" applyFont="1" applyFill="1" applyBorder="1" applyAlignment="1">
      <alignment horizontal="right" vertical="center"/>
    </xf>
    <xf numFmtId="0" fontId="3" fillId="0" borderId="0" xfId="0" applyFont="1" applyFill="1">
      <alignment vertical="center"/>
    </xf>
    <xf numFmtId="0" fontId="0" fillId="0" borderId="0" xfId="0" applyFill="1">
      <alignment vertical="center"/>
    </xf>
    <xf numFmtId="0" fontId="3" fillId="0" borderId="13" xfId="0" applyFont="1" applyBorder="1" applyAlignment="1">
      <alignment horizontal="distributed" vertical="center"/>
    </xf>
    <xf numFmtId="0" fontId="3" fillId="0" borderId="0" xfId="0" applyFont="1" applyBorder="1" applyAlignment="1">
      <alignment horizontal="distributed" vertical="center"/>
    </xf>
    <xf numFmtId="176" fontId="3" fillId="0" borderId="14" xfId="0" applyNumberFormat="1" applyFont="1" applyBorder="1" applyAlignment="1">
      <alignment horizontal="right" vertical="center"/>
    </xf>
    <xf numFmtId="177" fontId="3" fillId="0" borderId="0" xfId="0" applyNumberFormat="1" applyFont="1" applyBorder="1" applyAlignment="1">
      <alignment horizontal="right" vertical="center"/>
    </xf>
    <xf numFmtId="177" fontId="3" fillId="0" borderId="15" xfId="0" applyNumberFormat="1" applyFont="1" applyBorder="1" applyAlignment="1">
      <alignment horizontal="right" vertical="center"/>
    </xf>
    <xf numFmtId="0" fontId="5" fillId="3" borderId="13" xfId="0" applyFont="1" applyFill="1" applyBorder="1" applyAlignment="1">
      <alignment horizontal="distributed" vertical="center"/>
    </xf>
    <xf numFmtId="0" fontId="3" fillId="3" borderId="0" xfId="0" applyFont="1" applyFill="1" applyBorder="1" applyAlignment="1">
      <alignment horizontal="distributed" vertical="center"/>
    </xf>
    <xf numFmtId="0" fontId="3" fillId="3" borderId="0" xfId="0" applyFont="1" applyFill="1" applyBorder="1">
      <alignment vertical="center"/>
    </xf>
    <xf numFmtId="176" fontId="3" fillId="3" borderId="14" xfId="0" applyNumberFormat="1" applyFont="1" applyFill="1" applyBorder="1" applyAlignment="1">
      <alignment horizontal="right" vertical="center"/>
    </xf>
    <xf numFmtId="177" fontId="3" fillId="3" borderId="0" xfId="0" applyNumberFormat="1" applyFont="1" applyFill="1" applyBorder="1" applyAlignment="1">
      <alignment horizontal="right" vertical="center"/>
    </xf>
    <xf numFmtId="177" fontId="3" fillId="3" borderId="15" xfId="0" applyNumberFormat="1" applyFont="1" applyFill="1" applyBorder="1" applyAlignment="1">
      <alignment horizontal="right" vertical="center"/>
    </xf>
    <xf numFmtId="0" fontId="3" fillId="0" borderId="16" xfId="0" applyFont="1" applyBorder="1">
      <alignment vertical="center"/>
    </xf>
    <xf numFmtId="0" fontId="3" fillId="0" borderId="17" xfId="0" applyFont="1" applyBorder="1">
      <alignment vertical="center"/>
    </xf>
    <xf numFmtId="176" fontId="3" fillId="0" borderId="18" xfId="0" applyNumberFormat="1" applyFont="1" applyBorder="1">
      <alignment vertical="center"/>
    </xf>
    <xf numFmtId="177" fontId="3" fillId="0" borderId="17" xfId="0" applyNumberFormat="1" applyFont="1" applyBorder="1">
      <alignment vertical="center"/>
    </xf>
    <xf numFmtId="177" fontId="3" fillId="0" borderId="19" xfId="0" applyNumberFormat="1" applyFont="1" applyBorder="1">
      <alignment vertical="center"/>
    </xf>
    <xf numFmtId="0" fontId="3" fillId="0" borderId="13" xfId="0" applyFont="1" applyFill="1" applyBorder="1" applyAlignment="1">
      <alignment horizontal="distributed" vertical="center"/>
    </xf>
    <xf numFmtId="0" fontId="3" fillId="3" borderId="13" xfId="0" applyFont="1" applyFill="1" applyBorder="1" applyAlignment="1">
      <alignment horizontal="distributed" vertical="center"/>
    </xf>
    <xf numFmtId="0" fontId="3" fillId="0" borderId="20" xfId="0" applyFont="1" applyFill="1" applyBorder="1">
      <alignment vertical="center"/>
    </xf>
    <xf numFmtId="177" fontId="3" fillId="0" borderId="14" xfId="0" applyNumberFormat="1" applyFont="1" applyFill="1" applyBorder="1" applyAlignment="1">
      <alignment horizontal="right" vertical="center"/>
    </xf>
    <xf numFmtId="0" fontId="3" fillId="3" borderId="0" xfId="0" applyFont="1" applyFill="1">
      <alignment vertical="center"/>
    </xf>
    <xf numFmtId="0" fontId="0" fillId="3" borderId="0" xfId="0" applyFill="1">
      <alignment vertical="center"/>
    </xf>
    <xf numFmtId="0" fontId="1" fillId="0" borderId="0" xfId="0" applyFont="1" applyAlignment="1">
      <alignment horizontal="center" vertical="center"/>
    </xf>
    <xf numFmtId="0" fontId="3" fillId="0" borderId="0" xfId="0" applyFo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2" xfId="0" applyFont="1" applyBorder="1" applyAlignment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Border="1" applyAlignment="1">
      <alignment vertical="center"/>
    </xf>
    <xf numFmtId="0" fontId="0" fillId="0" borderId="0" xfId="0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64501034/Desktop/&#20154;&#21475;&#38598;&#35336;&#12471;&#12473;&#12486;&#12512;(&#20462;&#27491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鶴見区"/>
      <sheetName val="神奈川区"/>
      <sheetName val="西区"/>
      <sheetName val="中区"/>
      <sheetName val="南区"/>
      <sheetName val="港南区"/>
      <sheetName val="保土ケ谷区"/>
      <sheetName val="旭区"/>
      <sheetName val="磯子区"/>
      <sheetName val="金沢区"/>
      <sheetName val="港北区"/>
      <sheetName val="緑区"/>
      <sheetName val="青葉区"/>
      <sheetName val="都筑区"/>
      <sheetName val="戸塚区"/>
      <sheetName val="栄区"/>
      <sheetName val="泉区"/>
      <sheetName val="瀬谷区"/>
      <sheetName val="川崎区"/>
      <sheetName val="幸区"/>
      <sheetName val="中原区"/>
      <sheetName val="高津区"/>
      <sheetName val="宮前区"/>
      <sheetName val="多摩区"/>
      <sheetName val="麻生区"/>
      <sheetName val="相模原市緑区"/>
      <sheetName val="相模原市中央区"/>
      <sheetName val="相模原市南区"/>
      <sheetName val="横須賀市"/>
      <sheetName val="平塚市"/>
      <sheetName val="鎌倉市"/>
      <sheetName val="藤沢市"/>
      <sheetName val="小田原市"/>
      <sheetName val="茅ヶ崎市"/>
      <sheetName val="逗子市"/>
      <sheetName val="三浦市"/>
      <sheetName val="秦野市"/>
      <sheetName val="厚木市"/>
      <sheetName val="大和市"/>
      <sheetName val="伊勢原市"/>
      <sheetName val="海老名市"/>
      <sheetName val="座間市"/>
      <sheetName val="南足柄市"/>
      <sheetName val="綾瀬市"/>
      <sheetName val="葉山町"/>
      <sheetName val="寒川町"/>
      <sheetName val="大磯町"/>
      <sheetName val="二宮町"/>
      <sheetName val="中井町"/>
      <sheetName val="大井町"/>
      <sheetName val="松田町"/>
      <sheetName val="山北町"/>
      <sheetName val="開成町"/>
      <sheetName val="箱根町"/>
      <sheetName val="真鶴町"/>
      <sheetName val="湯河原町"/>
      <sheetName val="愛川町"/>
      <sheetName val="清川村"/>
      <sheetName val="県計"/>
      <sheetName val="市部計"/>
      <sheetName val="郡部計"/>
      <sheetName val="横浜市"/>
      <sheetName val="川崎市"/>
      <sheetName val="相模原市"/>
      <sheetName val="中郡"/>
      <sheetName val="足柄上郡"/>
      <sheetName val="足柄下郡"/>
      <sheetName val="愛甲郡"/>
      <sheetName val="横須賀･三浦"/>
      <sheetName val="県央"/>
      <sheetName val="湘南"/>
      <sheetName val="県西"/>
      <sheetName val="様式1"/>
      <sheetName val="様式2"/>
      <sheetName val="月報（記者発表）"/>
      <sheetName val="月報1"/>
      <sheetName val="月報2"/>
      <sheetName val="月報3"/>
      <sheetName val="月報4"/>
      <sheetName val="記者発表添付資料"/>
      <sheetName val="人口と世帯"/>
      <sheetName val="人口異動"/>
      <sheetName val="行政C(人口と世帯)"/>
      <sheetName val="行政C(人口異動)"/>
      <sheetName val="参考資料"/>
      <sheetName val="データ比較用元データ"/>
      <sheetName val="ランキング"/>
      <sheetName val="グラフデータ"/>
      <sheetName val="市区町村面積リスト"/>
      <sheetName val="基本データ"/>
      <sheetName val="システムトップ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1"/>
  <dimension ref="A1:S86"/>
  <sheetViews>
    <sheetView tabSelected="1" view="pageBreakPreview" zoomScaleNormal="115" zoomScaleSheetLayoutView="100" workbookViewId="0">
      <selection sqref="A1:L1"/>
    </sheetView>
  </sheetViews>
  <sheetFormatPr defaultRowHeight="14.25" x14ac:dyDescent="0.15"/>
  <cols>
    <col min="1" max="1" width="1.75" style="1" customWidth="1"/>
    <col min="2" max="2" width="7.625" style="1" customWidth="1"/>
    <col min="3" max="3" width="1.25" style="1" customWidth="1"/>
    <col min="4" max="12" width="7.875" style="1" customWidth="1"/>
    <col min="13" max="19" width="6.875" style="1" customWidth="1"/>
  </cols>
  <sheetData>
    <row r="1" spans="1:19" ht="18.75" customHeight="1" x14ac:dyDescent="0.15">
      <c r="A1" s="46" t="s">
        <v>0</v>
      </c>
      <c r="B1" s="46"/>
      <c r="C1" s="46"/>
      <c r="D1" s="46"/>
      <c r="E1" s="46"/>
      <c r="F1" s="46"/>
      <c r="G1" s="46"/>
      <c r="H1" s="46"/>
      <c r="I1" s="46"/>
      <c r="J1" s="46"/>
      <c r="K1" s="46"/>
      <c r="L1" s="46"/>
    </row>
    <row r="2" spans="1:19" ht="15" customHeight="1" thickBot="1" x14ac:dyDescent="0.2">
      <c r="A2" s="47" t="s">
        <v>1</v>
      </c>
      <c r="B2" s="47"/>
      <c r="C2" s="47"/>
      <c r="K2" s="2"/>
      <c r="L2" s="2"/>
    </row>
    <row r="3" spans="1:19" ht="15" customHeight="1" x14ac:dyDescent="0.15">
      <c r="A3" s="48" t="s">
        <v>2</v>
      </c>
      <c r="B3" s="49"/>
      <c r="C3" s="49"/>
      <c r="D3" s="52" t="s">
        <v>3</v>
      </c>
      <c r="E3" s="54" t="s">
        <v>4</v>
      </c>
      <c r="F3" s="55"/>
      <c r="G3" s="55"/>
      <c r="H3" s="54" t="s">
        <v>5</v>
      </c>
      <c r="I3" s="55"/>
      <c r="J3" s="55"/>
      <c r="K3" s="56" t="s">
        <v>6</v>
      </c>
      <c r="L3" s="58" t="s">
        <v>7</v>
      </c>
    </row>
    <row r="4" spans="1:19" ht="15" customHeight="1" x14ac:dyDescent="0.15">
      <c r="A4" s="50"/>
      <c r="B4" s="51"/>
      <c r="C4" s="51"/>
      <c r="D4" s="53"/>
      <c r="E4" s="3"/>
      <c r="F4" s="4" t="s">
        <v>8</v>
      </c>
      <c r="G4" s="4" t="s">
        <v>9</v>
      </c>
      <c r="H4" s="3"/>
      <c r="I4" s="4" t="s">
        <v>10</v>
      </c>
      <c r="J4" s="4" t="s">
        <v>11</v>
      </c>
      <c r="K4" s="57"/>
      <c r="L4" s="59"/>
    </row>
    <row r="5" spans="1:19" ht="10.5" customHeight="1" x14ac:dyDescent="0.15">
      <c r="A5" s="5"/>
      <c r="B5" s="6"/>
      <c r="C5" s="6"/>
      <c r="D5" s="7" t="s">
        <v>12</v>
      </c>
      <c r="E5" s="7" t="s">
        <v>12</v>
      </c>
      <c r="F5" s="7" t="s">
        <v>12</v>
      </c>
      <c r="G5" s="7" t="s">
        <v>12</v>
      </c>
      <c r="H5" s="7" t="s">
        <v>12</v>
      </c>
      <c r="I5" s="7" t="s">
        <v>12</v>
      </c>
      <c r="J5" s="7" t="s">
        <v>12</v>
      </c>
      <c r="K5" s="8"/>
      <c r="L5" s="9"/>
    </row>
    <row r="6" spans="1:19" ht="11.25" customHeight="1" x14ac:dyDescent="0.15">
      <c r="A6" s="10"/>
      <c r="B6" s="11" t="s">
        <v>15</v>
      </c>
      <c r="C6" s="12"/>
      <c r="D6" s="13">
        <v>-5160</v>
      </c>
      <c r="E6" s="13">
        <v>-29983</v>
      </c>
      <c r="F6" s="13">
        <v>60549</v>
      </c>
      <c r="G6" s="13">
        <v>90532</v>
      </c>
      <c r="H6" s="13">
        <v>24823</v>
      </c>
      <c r="I6" s="13">
        <v>488358</v>
      </c>
      <c r="J6" s="13">
        <v>463535</v>
      </c>
      <c r="K6" s="14">
        <v>6.6</v>
      </c>
      <c r="L6" s="15">
        <v>9.8000000000000007</v>
      </c>
    </row>
    <row r="7" spans="1:19" s="45" customFormat="1" ht="11.25" customHeight="1" x14ac:dyDescent="0.15">
      <c r="A7" s="29"/>
      <c r="B7" s="30" t="s">
        <v>16</v>
      </c>
      <c r="C7" s="31"/>
      <c r="D7" s="32">
        <v>34512</v>
      </c>
      <c r="E7" s="32">
        <v>-22407</v>
      </c>
      <c r="F7" s="32">
        <v>62882</v>
      </c>
      <c r="G7" s="32">
        <v>85289</v>
      </c>
      <c r="H7" s="32">
        <v>56919</v>
      </c>
      <c r="I7" s="32">
        <v>532374</v>
      </c>
      <c r="J7" s="32">
        <v>475455</v>
      </c>
      <c r="K7" s="33">
        <v>6.8</v>
      </c>
      <c r="L7" s="34">
        <v>9.3000000000000007</v>
      </c>
      <c r="M7" s="44"/>
      <c r="N7" s="44"/>
      <c r="O7" s="44"/>
      <c r="P7" s="44"/>
      <c r="Q7" s="44"/>
      <c r="R7" s="44"/>
      <c r="S7" s="44"/>
    </row>
    <row r="8" spans="1:19" ht="6" customHeight="1" x14ac:dyDescent="0.15">
      <c r="A8" s="24"/>
      <c r="B8" s="25"/>
      <c r="C8" s="6"/>
      <c r="D8" s="26"/>
      <c r="E8" s="26"/>
      <c r="F8" s="26"/>
      <c r="G8" s="26"/>
      <c r="H8" s="26"/>
      <c r="I8" s="26"/>
      <c r="J8" s="26"/>
      <c r="K8" s="27"/>
      <c r="L8" s="28"/>
    </row>
    <row r="9" spans="1:19" s="23" customFormat="1" ht="11.25" customHeight="1" x14ac:dyDescent="0.15">
      <c r="A9" s="16"/>
      <c r="B9" s="17" t="s">
        <v>17</v>
      </c>
      <c r="C9" s="18"/>
      <c r="D9" s="19">
        <v>20200</v>
      </c>
      <c r="E9" s="19">
        <v>-19600</v>
      </c>
      <c r="F9" s="19">
        <v>64905</v>
      </c>
      <c r="G9" s="19">
        <v>84505</v>
      </c>
      <c r="H9" s="19">
        <v>39800</v>
      </c>
      <c r="I9" s="19">
        <v>514781</v>
      </c>
      <c r="J9" s="19">
        <v>474981</v>
      </c>
      <c r="K9" s="20">
        <v>7.1</v>
      </c>
      <c r="L9" s="21">
        <v>9.1999999999999993</v>
      </c>
      <c r="M9" s="22"/>
      <c r="N9" s="22"/>
      <c r="O9" s="22"/>
      <c r="P9" s="22"/>
      <c r="Q9" s="22"/>
      <c r="R9" s="22"/>
      <c r="S9" s="22"/>
    </row>
    <row r="10" spans="1:19" s="23" customFormat="1" ht="11.25" customHeight="1" x14ac:dyDescent="0.15">
      <c r="A10" s="40"/>
      <c r="B10" s="17">
        <v>30</v>
      </c>
      <c r="C10" s="18"/>
      <c r="D10" s="19">
        <v>18346</v>
      </c>
      <c r="E10" s="19">
        <v>-14771</v>
      </c>
      <c r="F10" s="19">
        <v>68228</v>
      </c>
      <c r="G10" s="19">
        <v>82999</v>
      </c>
      <c r="H10" s="19">
        <v>33117</v>
      </c>
      <c r="I10" s="19">
        <v>507579</v>
      </c>
      <c r="J10" s="19">
        <v>474462</v>
      </c>
      <c r="K10" s="20">
        <v>7.4</v>
      </c>
      <c r="L10" s="21">
        <v>9</v>
      </c>
      <c r="M10" s="22"/>
      <c r="N10" s="22"/>
      <c r="O10" s="22"/>
      <c r="P10" s="22"/>
      <c r="Q10" s="22"/>
      <c r="R10" s="22"/>
      <c r="S10" s="22"/>
    </row>
    <row r="11" spans="1:19" s="23" customFormat="1" ht="11.25" customHeight="1" x14ac:dyDescent="0.15">
      <c r="A11" s="40"/>
      <c r="B11" s="17">
        <v>29</v>
      </c>
      <c r="C11" s="18"/>
      <c r="D11" s="19">
        <v>15879</v>
      </c>
      <c r="E11" s="19">
        <v>-11083</v>
      </c>
      <c r="F11" s="19">
        <v>69902</v>
      </c>
      <c r="G11" s="19">
        <v>80985</v>
      </c>
      <c r="H11" s="19">
        <v>26962</v>
      </c>
      <c r="I11" s="19">
        <v>496793</v>
      </c>
      <c r="J11" s="19">
        <v>469831</v>
      </c>
      <c r="K11" s="20">
        <v>7.6</v>
      </c>
      <c r="L11" s="21">
        <v>8.8000000000000007</v>
      </c>
      <c r="M11" s="22"/>
      <c r="N11" s="22"/>
      <c r="O11" s="22"/>
      <c r="P11" s="22"/>
      <c r="Q11" s="22"/>
      <c r="R11" s="22"/>
      <c r="S11" s="22"/>
    </row>
    <row r="12" spans="1:19" s="23" customFormat="1" ht="11.25" customHeight="1" x14ac:dyDescent="0.15">
      <c r="A12" s="40"/>
      <c r="B12" s="17">
        <v>28</v>
      </c>
      <c r="C12" s="18"/>
      <c r="D12" s="19">
        <v>19363</v>
      </c>
      <c r="E12" s="19">
        <v>-5354</v>
      </c>
      <c r="F12" s="19">
        <v>72795</v>
      </c>
      <c r="G12" s="19">
        <v>78149</v>
      </c>
      <c r="H12" s="19">
        <v>24717</v>
      </c>
      <c r="I12" s="19">
        <v>486889</v>
      </c>
      <c r="J12" s="19">
        <v>462172</v>
      </c>
      <c r="K12" s="20">
        <v>8</v>
      </c>
      <c r="L12" s="21">
        <v>8.5</v>
      </c>
      <c r="M12" s="22"/>
      <c r="N12" s="22"/>
      <c r="O12" s="22"/>
      <c r="P12" s="22"/>
      <c r="Q12" s="22"/>
      <c r="R12" s="22"/>
      <c r="S12" s="22"/>
    </row>
    <row r="13" spans="1:19" s="45" customFormat="1" ht="11.25" customHeight="1" x14ac:dyDescent="0.15">
      <c r="A13" s="41"/>
      <c r="B13" s="30" t="s">
        <v>18</v>
      </c>
      <c r="C13" s="31"/>
      <c r="D13" s="32">
        <v>27691</v>
      </c>
      <c r="E13" s="32">
        <v>-1492</v>
      </c>
      <c r="F13" s="32">
        <v>75189</v>
      </c>
      <c r="G13" s="32">
        <v>76681</v>
      </c>
      <c r="H13" s="32">
        <v>29183</v>
      </c>
      <c r="I13" s="32">
        <v>521832</v>
      </c>
      <c r="J13" s="32">
        <v>492649</v>
      </c>
      <c r="K13" s="33">
        <v>8.2455154338164931</v>
      </c>
      <c r="L13" s="34">
        <v>8.4091339023059568</v>
      </c>
      <c r="M13" s="44"/>
      <c r="N13" s="44"/>
      <c r="O13" s="44"/>
      <c r="P13" s="44"/>
      <c r="Q13" s="44"/>
      <c r="R13" s="44"/>
      <c r="S13" s="44"/>
    </row>
    <row r="14" spans="1:19" s="23" customFormat="1" ht="6" customHeight="1" x14ac:dyDescent="0.15">
      <c r="A14" s="40"/>
      <c r="B14" s="17"/>
      <c r="C14" s="18"/>
      <c r="D14" s="19"/>
      <c r="E14" s="19"/>
      <c r="F14" s="19"/>
      <c r="G14" s="19"/>
      <c r="H14" s="19"/>
      <c r="I14" s="19"/>
      <c r="J14" s="19"/>
      <c r="K14" s="20"/>
      <c r="L14" s="21"/>
      <c r="M14" s="22"/>
      <c r="N14" s="22"/>
      <c r="O14" s="22"/>
      <c r="P14" s="22"/>
      <c r="Q14" s="22"/>
      <c r="R14" s="22"/>
      <c r="S14" s="22"/>
    </row>
    <row r="15" spans="1:19" s="23" customFormat="1" ht="11.25" customHeight="1" x14ac:dyDescent="0.15">
      <c r="A15" s="16"/>
      <c r="B15" s="17">
        <v>26</v>
      </c>
      <c r="C15" s="18"/>
      <c r="D15" s="19">
        <v>16507</v>
      </c>
      <c r="E15" s="19">
        <v>-285</v>
      </c>
      <c r="F15" s="19">
        <v>74459</v>
      </c>
      <c r="G15" s="19">
        <v>74744</v>
      </c>
      <c r="H15" s="19">
        <v>16792</v>
      </c>
      <c r="I15" s="19">
        <v>478908</v>
      </c>
      <c r="J15" s="19">
        <v>462116</v>
      </c>
      <c r="K15" s="20">
        <v>8.1847856136665555</v>
      </c>
      <c r="L15" s="21">
        <v>8.2161137795013772</v>
      </c>
      <c r="M15" s="22"/>
      <c r="N15" s="22"/>
      <c r="O15" s="22"/>
      <c r="P15" s="22"/>
      <c r="Q15" s="22"/>
      <c r="R15" s="22"/>
      <c r="S15" s="22"/>
    </row>
    <row r="16" spans="1:19" s="23" customFormat="1" ht="11.25" customHeight="1" x14ac:dyDescent="0.15">
      <c r="A16" s="40"/>
      <c r="B16" s="17">
        <v>25</v>
      </c>
      <c r="C16" s="18"/>
      <c r="D16" s="19">
        <v>11306</v>
      </c>
      <c r="E16" s="19">
        <v>2111</v>
      </c>
      <c r="F16" s="19">
        <v>75656</v>
      </c>
      <c r="G16" s="19">
        <v>73545</v>
      </c>
      <c r="H16" s="19">
        <v>9195</v>
      </c>
      <c r="I16" s="19">
        <v>486505</v>
      </c>
      <c r="J16" s="19">
        <v>477310</v>
      </c>
      <c r="K16" s="20">
        <v>8.3327431671142573</v>
      </c>
      <c r="L16" s="21">
        <v>8.1002378691104209</v>
      </c>
      <c r="M16" s="22"/>
      <c r="N16" s="22"/>
      <c r="O16" s="22"/>
      <c r="P16" s="22"/>
      <c r="Q16" s="22"/>
      <c r="R16" s="22"/>
      <c r="S16" s="22"/>
    </row>
    <row r="17" spans="1:19" s="23" customFormat="1" ht="11.25" customHeight="1" x14ac:dyDescent="0.15">
      <c r="A17" s="40"/>
      <c r="B17" s="17">
        <v>24</v>
      </c>
      <c r="C17" s="18"/>
      <c r="D17" s="19">
        <v>12276</v>
      </c>
      <c r="E17" s="19">
        <v>4625</v>
      </c>
      <c r="F17" s="19">
        <v>77079</v>
      </c>
      <c r="G17" s="19">
        <v>72454</v>
      </c>
      <c r="H17" s="19">
        <v>7651</v>
      </c>
      <c r="I17" s="19">
        <v>487933</v>
      </c>
      <c r="J17" s="19">
        <v>480282</v>
      </c>
      <c r="K17" s="20">
        <v>8.4970442954416985</v>
      </c>
      <c r="L17" s="21">
        <v>7.9871929758031737</v>
      </c>
      <c r="M17" s="22"/>
      <c r="N17" s="22"/>
      <c r="O17" s="22"/>
      <c r="P17" s="22"/>
      <c r="Q17" s="22"/>
      <c r="R17" s="22"/>
      <c r="S17" s="22"/>
    </row>
    <row r="18" spans="1:19" s="23" customFormat="1" ht="11.25" customHeight="1" x14ac:dyDescent="0.15">
      <c r="A18" s="40"/>
      <c r="B18" s="17">
        <v>23</v>
      </c>
      <c r="C18" s="18"/>
      <c r="D18" s="19">
        <v>9229</v>
      </c>
      <c r="E18" s="19">
        <v>5970</v>
      </c>
      <c r="F18" s="19">
        <v>77353</v>
      </c>
      <c r="G18" s="19">
        <v>71383</v>
      </c>
      <c r="H18" s="19">
        <v>3259</v>
      </c>
      <c r="I18" s="19">
        <v>484175</v>
      </c>
      <c r="J18" s="19">
        <v>480916</v>
      </c>
      <c r="K18" s="20">
        <v>8.5383487794001436</v>
      </c>
      <c r="L18" s="21">
        <v>7.8793705598996855</v>
      </c>
      <c r="M18" s="22"/>
      <c r="N18" s="22"/>
      <c r="O18" s="22"/>
      <c r="P18" s="22"/>
      <c r="Q18" s="22"/>
      <c r="R18" s="22"/>
      <c r="S18" s="22"/>
    </row>
    <row r="19" spans="1:19" s="45" customFormat="1" ht="11.25" customHeight="1" x14ac:dyDescent="0.15">
      <c r="A19" s="41"/>
      <c r="B19" s="30" t="s">
        <v>19</v>
      </c>
      <c r="C19" s="31"/>
      <c r="D19" s="32">
        <v>42896</v>
      </c>
      <c r="E19" s="32">
        <v>11519</v>
      </c>
      <c r="F19" s="32">
        <v>79870</v>
      </c>
      <c r="G19" s="32">
        <v>68351</v>
      </c>
      <c r="H19" s="32">
        <v>31377</v>
      </c>
      <c r="I19" s="32">
        <v>530727</v>
      </c>
      <c r="J19" s="32">
        <v>499350</v>
      </c>
      <c r="K19" s="33">
        <v>8.846624758454027</v>
      </c>
      <c r="L19" s="34">
        <v>7.5707480764378507</v>
      </c>
      <c r="M19" s="44"/>
      <c r="N19" s="44"/>
      <c r="O19" s="44"/>
      <c r="P19" s="44"/>
      <c r="Q19" s="44"/>
      <c r="R19" s="44"/>
      <c r="S19" s="44"/>
    </row>
    <row r="20" spans="1:19" s="23" customFormat="1" ht="6" customHeight="1" x14ac:dyDescent="0.15">
      <c r="A20" s="40"/>
      <c r="B20" s="17"/>
      <c r="C20" s="18"/>
      <c r="D20" s="19"/>
      <c r="E20" s="19"/>
      <c r="F20" s="19"/>
      <c r="G20" s="19"/>
      <c r="H20" s="19"/>
      <c r="I20" s="19"/>
      <c r="J20" s="19"/>
      <c r="K20" s="20"/>
      <c r="L20" s="21"/>
      <c r="M20" s="22"/>
      <c r="N20" s="22"/>
      <c r="O20" s="22"/>
      <c r="P20" s="22"/>
      <c r="Q20" s="22"/>
      <c r="R20" s="22"/>
      <c r="S20" s="22"/>
    </row>
    <row r="21" spans="1:19" s="23" customFormat="1" ht="11.25" customHeight="1" x14ac:dyDescent="0.15">
      <c r="A21" s="16"/>
      <c r="B21" s="17">
        <v>21</v>
      </c>
      <c r="C21" s="18"/>
      <c r="D21" s="19">
        <v>42780</v>
      </c>
      <c r="E21" s="19">
        <v>15296</v>
      </c>
      <c r="F21" s="19">
        <v>79738</v>
      </c>
      <c r="G21" s="19">
        <v>64442</v>
      </c>
      <c r="H21" s="19">
        <v>27484</v>
      </c>
      <c r="I21" s="19">
        <v>520485</v>
      </c>
      <c r="J21" s="19">
        <v>493001</v>
      </c>
      <c r="K21" s="20">
        <v>8.8584411374372625</v>
      </c>
      <c r="L21" s="21">
        <v>7.1591419872423696</v>
      </c>
      <c r="M21" s="22"/>
      <c r="N21" s="22"/>
      <c r="O21" s="22"/>
      <c r="P21" s="22"/>
      <c r="Q21" s="22"/>
      <c r="R21" s="22"/>
      <c r="S21" s="22"/>
    </row>
    <row r="22" spans="1:19" s="23" customFormat="1" ht="11.25" customHeight="1" x14ac:dyDescent="0.15">
      <c r="A22" s="40"/>
      <c r="B22" s="17">
        <v>20</v>
      </c>
      <c r="C22" s="18"/>
      <c r="D22" s="19">
        <v>55096</v>
      </c>
      <c r="E22" s="19">
        <v>16427</v>
      </c>
      <c r="F22" s="19">
        <v>80276</v>
      </c>
      <c r="G22" s="19">
        <v>63849</v>
      </c>
      <c r="H22" s="19">
        <v>38669</v>
      </c>
      <c r="I22" s="19">
        <v>530261</v>
      </c>
      <c r="J22" s="19">
        <v>491592</v>
      </c>
      <c r="K22" s="20">
        <v>8.9726517205928147</v>
      </c>
      <c r="L22" s="21">
        <v>7.1365643493463873</v>
      </c>
      <c r="M22" s="22"/>
      <c r="N22" s="22"/>
      <c r="O22" s="22"/>
      <c r="P22" s="22"/>
      <c r="Q22" s="22"/>
      <c r="R22" s="22"/>
      <c r="S22" s="22"/>
    </row>
    <row r="23" spans="1:19" s="23" customFormat="1" ht="11.25" customHeight="1" x14ac:dyDescent="0.15">
      <c r="A23" s="40"/>
      <c r="B23" s="17">
        <v>19</v>
      </c>
      <c r="C23" s="18"/>
      <c r="D23" s="19">
        <v>62090</v>
      </c>
      <c r="E23" s="19">
        <v>19192</v>
      </c>
      <c r="F23" s="19">
        <v>80674</v>
      </c>
      <c r="G23" s="19">
        <v>61482</v>
      </c>
      <c r="H23" s="19">
        <v>42898</v>
      </c>
      <c r="I23" s="19">
        <v>549582</v>
      </c>
      <c r="J23" s="19">
        <v>506684</v>
      </c>
      <c r="K23" s="20">
        <v>9.0747590561143721</v>
      </c>
      <c r="L23" s="21">
        <v>6.9159126396115704</v>
      </c>
      <c r="M23" s="22"/>
      <c r="N23" s="22"/>
      <c r="O23" s="22"/>
      <c r="P23" s="22"/>
      <c r="Q23" s="22"/>
      <c r="R23" s="22"/>
      <c r="S23" s="22"/>
    </row>
    <row r="24" spans="1:19" s="23" customFormat="1" ht="11.25" customHeight="1" x14ac:dyDescent="0.15">
      <c r="A24" s="40"/>
      <c r="B24" s="17">
        <v>18</v>
      </c>
      <c r="C24" s="18"/>
      <c r="D24" s="19">
        <v>46534</v>
      </c>
      <c r="E24" s="19">
        <v>20836</v>
      </c>
      <c r="F24" s="19">
        <v>80256</v>
      </c>
      <c r="G24" s="19">
        <v>59420</v>
      </c>
      <c r="H24" s="19">
        <v>25698</v>
      </c>
      <c r="I24" s="19">
        <v>543598</v>
      </c>
      <c r="J24" s="19">
        <v>517900</v>
      </c>
      <c r="K24" s="20">
        <v>9.0878239397170724</v>
      </c>
      <c r="L24" s="21">
        <v>6.7284501906148879</v>
      </c>
      <c r="M24" s="22"/>
      <c r="N24" s="22"/>
      <c r="O24" s="22"/>
      <c r="P24" s="22"/>
      <c r="Q24" s="22"/>
      <c r="R24" s="22"/>
      <c r="S24" s="22"/>
    </row>
    <row r="25" spans="1:19" s="45" customFormat="1" ht="11.25" customHeight="1" x14ac:dyDescent="0.15">
      <c r="A25" s="41"/>
      <c r="B25" s="30" t="s">
        <v>20</v>
      </c>
      <c r="C25" s="31"/>
      <c r="D25" s="32">
        <v>52901</v>
      </c>
      <c r="E25" s="32">
        <v>18418</v>
      </c>
      <c r="F25" s="32">
        <v>77579</v>
      </c>
      <c r="G25" s="32">
        <v>59161</v>
      </c>
      <c r="H25" s="32">
        <v>34483</v>
      </c>
      <c r="I25" s="32">
        <v>568091</v>
      </c>
      <c r="J25" s="32">
        <v>533608</v>
      </c>
      <c r="K25" s="33">
        <v>8.8365684194196064</v>
      </c>
      <c r="L25" s="34">
        <v>6.7386821725116759</v>
      </c>
      <c r="M25" s="44"/>
      <c r="N25" s="44"/>
      <c r="O25" s="44"/>
      <c r="P25" s="44"/>
      <c r="Q25" s="44"/>
      <c r="R25" s="44"/>
      <c r="S25" s="44"/>
    </row>
    <row r="26" spans="1:19" s="23" customFormat="1" ht="6" customHeight="1" x14ac:dyDescent="0.15">
      <c r="A26" s="40"/>
      <c r="B26" s="17"/>
      <c r="C26" s="18"/>
      <c r="D26" s="19"/>
      <c r="E26" s="19"/>
      <c r="F26" s="19"/>
      <c r="G26" s="19"/>
      <c r="H26" s="19"/>
      <c r="I26" s="19"/>
      <c r="J26" s="19"/>
      <c r="K26" s="20"/>
      <c r="L26" s="21"/>
      <c r="M26" s="22"/>
      <c r="N26" s="22"/>
      <c r="O26" s="22"/>
      <c r="P26" s="22"/>
      <c r="Q26" s="22"/>
      <c r="R26" s="22"/>
      <c r="S26" s="22"/>
    </row>
    <row r="27" spans="1:19" s="23" customFormat="1" ht="11.25" customHeight="1" x14ac:dyDescent="0.15">
      <c r="A27" s="16"/>
      <c r="B27" s="17">
        <v>16</v>
      </c>
      <c r="C27" s="18"/>
      <c r="D27" s="19">
        <v>51011</v>
      </c>
      <c r="E27" s="19">
        <v>25047</v>
      </c>
      <c r="F27" s="19">
        <v>81067</v>
      </c>
      <c r="G27" s="19">
        <v>56020</v>
      </c>
      <c r="H27" s="19">
        <v>25964</v>
      </c>
      <c r="I27" s="19">
        <v>558651</v>
      </c>
      <c r="J27" s="19">
        <v>532687</v>
      </c>
      <c r="K27" s="20">
        <v>9.2789761546554796</v>
      </c>
      <c r="L27" s="21">
        <v>6.4120819098252051</v>
      </c>
      <c r="M27" s="22"/>
      <c r="N27" s="22"/>
      <c r="O27" s="22"/>
      <c r="P27" s="22"/>
      <c r="Q27" s="22"/>
      <c r="R27" s="22"/>
      <c r="S27" s="22"/>
    </row>
    <row r="28" spans="1:19" s="23" customFormat="1" ht="11.25" customHeight="1" x14ac:dyDescent="0.15">
      <c r="A28" s="40"/>
      <c r="B28" s="17">
        <v>15</v>
      </c>
      <c r="C28" s="18"/>
      <c r="D28" s="19">
        <v>58055</v>
      </c>
      <c r="E28" s="19">
        <v>26314</v>
      </c>
      <c r="F28" s="19">
        <v>81271</v>
      </c>
      <c r="G28" s="19">
        <v>54957</v>
      </c>
      <c r="H28" s="19">
        <v>31741</v>
      </c>
      <c r="I28" s="19">
        <v>574857</v>
      </c>
      <c r="J28" s="19">
        <v>543116</v>
      </c>
      <c r="K28" s="20">
        <v>9.3651838622133017</v>
      </c>
      <c r="L28" s="21">
        <v>6.3329159173094514</v>
      </c>
      <c r="M28" s="22"/>
      <c r="N28" s="22"/>
      <c r="O28" s="22"/>
      <c r="P28" s="22"/>
      <c r="Q28" s="22"/>
      <c r="R28" s="22"/>
      <c r="S28" s="22"/>
    </row>
    <row r="29" spans="1:19" s="23" customFormat="1" ht="11.25" customHeight="1" x14ac:dyDescent="0.15">
      <c r="A29" s="40"/>
      <c r="B29" s="17">
        <v>14</v>
      </c>
      <c r="C29" s="18"/>
      <c r="D29" s="19">
        <v>64293</v>
      </c>
      <c r="E29" s="19">
        <v>29182</v>
      </c>
      <c r="F29" s="19">
        <v>82685</v>
      </c>
      <c r="G29" s="19">
        <v>53503</v>
      </c>
      <c r="H29" s="19">
        <v>35111</v>
      </c>
      <c r="I29" s="19">
        <v>571871</v>
      </c>
      <c r="J29" s="19">
        <v>536760</v>
      </c>
      <c r="K29" s="20">
        <v>9.5956938504234603</v>
      </c>
      <c r="L29" s="21">
        <v>6.2090875984665459</v>
      </c>
      <c r="M29" s="22"/>
      <c r="N29" s="22"/>
      <c r="O29" s="22"/>
      <c r="P29" s="22"/>
      <c r="Q29" s="22"/>
      <c r="R29" s="22"/>
      <c r="S29" s="22"/>
    </row>
    <row r="30" spans="1:19" s="23" customFormat="1" ht="11.25" customHeight="1" x14ac:dyDescent="0.15">
      <c r="A30" s="40"/>
      <c r="B30" s="17">
        <v>13</v>
      </c>
      <c r="C30" s="18"/>
      <c r="D30" s="19">
        <v>71874</v>
      </c>
      <c r="E30" s="19">
        <v>30898</v>
      </c>
      <c r="F30" s="19">
        <v>83163</v>
      </c>
      <c r="G30" s="19">
        <v>52265</v>
      </c>
      <c r="H30" s="19">
        <v>40976</v>
      </c>
      <c r="I30" s="19">
        <v>583135</v>
      </c>
      <c r="J30" s="19">
        <v>542159</v>
      </c>
      <c r="K30" s="20">
        <v>9.7292235748974019</v>
      </c>
      <c r="L30" s="21">
        <v>6.114472423337455</v>
      </c>
      <c r="M30" s="22"/>
      <c r="N30" s="22"/>
      <c r="O30" s="22"/>
      <c r="P30" s="22"/>
      <c r="Q30" s="22"/>
      <c r="R30" s="22"/>
      <c r="S30" s="22"/>
    </row>
    <row r="31" spans="1:19" s="45" customFormat="1" ht="11.25" customHeight="1" x14ac:dyDescent="0.15">
      <c r="A31" s="41"/>
      <c r="B31" s="30" t="s">
        <v>21</v>
      </c>
      <c r="C31" s="31"/>
      <c r="D31" s="32">
        <v>57324</v>
      </c>
      <c r="E31" s="32">
        <v>33217</v>
      </c>
      <c r="F31" s="32">
        <v>84411</v>
      </c>
      <c r="G31" s="32">
        <v>51194</v>
      </c>
      <c r="H31" s="32">
        <v>24107</v>
      </c>
      <c r="I31" s="32">
        <v>591245</v>
      </c>
      <c r="J31" s="32">
        <v>567138</v>
      </c>
      <c r="K31" s="33">
        <v>9.9548692779933585</v>
      </c>
      <c r="L31" s="34">
        <v>6.0374782648895531</v>
      </c>
      <c r="M31" s="44"/>
      <c r="N31" s="44"/>
      <c r="O31" s="44"/>
      <c r="P31" s="44"/>
      <c r="Q31" s="44"/>
      <c r="R31" s="44"/>
      <c r="S31" s="44"/>
    </row>
    <row r="32" spans="1:19" s="23" customFormat="1" ht="6" customHeight="1" x14ac:dyDescent="0.15">
      <c r="A32" s="40"/>
      <c r="B32" s="17"/>
      <c r="C32" s="18"/>
      <c r="D32" s="19"/>
      <c r="E32" s="19"/>
      <c r="F32" s="19"/>
      <c r="G32" s="19"/>
      <c r="H32" s="19"/>
      <c r="I32" s="19"/>
      <c r="J32" s="19"/>
      <c r="K32" s="20"/>
      <c r="L32" s="21"/>
      <c r="M32" s="22"/>
      <c r="N32" s="22"/>
      <c r="O32" s="22"/>
      <c r="P32" s="22"/>
      <c r="Q32" s="22"/>
      <c r="R32" s="22"/>
      <c r="S32" s="22"/>
    </row>
    <row r="33" spans="1:19" s="23" customFormat="1" ht="11.25" customHeight="1" x14ac:dyDescent="0.15">
      <c r="A33" s="16"/>
      <c r="B33" s="17">
        <v>11</v>
      </c>
      <c r="C33" s="18"/>
      <c r="D33" s="19">
        <v>47838</v>
      </c>
      <c r="E33" s="19">
        <v>31408</v>
      </c>
      <c r="F33" s="19">
        <v>83308</v>
      </c>
      <c r="G33" s="19">
        <v>51900</v>
      </c>
      <c r="H33" s="19">
        <v>16430</v>
      </c>
      <c r="I33" s="19">
        <v>572124</v>
      </c>
      <c r="J33" s="19">
        <v>555694</v>
      </c>
      <c r="K33" s="20">
        <v>9.8853316714597401</v>
      </c>
      <c r="L33" s="21">
        <v>6.1584567358328206</v>
      </c>
      <c r="M33" s="22"/>
      <c r="N33" s="22"/>
      <c r="O33" s="22"/>
      <c r="P33" s="22"/>
      <c r="Q33" s="22"/>
      <c r="R33" s="22"/>
      <c r="S33" s="22"/>
    </row>
    <row r="34" spans="1:19" s="23" customFormat="1" ht="11.25" customHeight="1" x14ac:dyDescent="0.15">
      <c r="A34" s="40"/>
      <c r="B34" s="17">
        <v>10</v>
      </c>
      <c r="C34" s="18"/>
      <c r="D34" s="19">
        <v>57499</v>
      </c>
      <c r="E34" s="19">
        <v>34626</v>
      </c>
      <c r="F34" s="19">
        <v>84711</v>
      </c>
      <c r="G34" s="19">
        <v>50085</v>
      </c>
      <c r="H34" s="19">
        <v>22873</v>
      </c>
      <c r="I34" s="19">
        <v>574061</v>
      </c>
      <c r="J34" s="19">
        <v>551188</v>
      </c>
      <c r="K34" s="20">
        <v>10.110553557909657</v>
      </c>
      <c r="L34" s="21">
        <v>5.9778195859794492</v>
      </c>
      <c r="M34" s="22"/>
      <c r="N34" s="22"/>
      <c r="O34" s="22"/>
      <c r="P34" s="22"/>
      <c r="Q34" s="22"/>
      <c r="R34" s="22"/>
      <c r="S34" s="22"/>
    </row>
    <row r="35" spans="1:19" s="23" customFormat="1" ht="11.25" customHeight="1" x14ac:dyDescent="0.15">
      <c r="A35" s="40"/>
      <c r="B35" s="17">
        <v>9</v>
      </c>
      <c r="C35" s="18"/>
      <c r="D35" s="19">
        <v>45333</v>
      </c>
      <c r="E35" s="19">
        <v>35197</v>
      </c>
      <c r="F35" s="19">
        <v>82961</v>
      </c>
      <c r="G35" s="19">
        <v>47764</v>
      </c>
      <c r="H35" s="19">
        <v>10136</v>
      </c>
      <c r="I35" s="19">
        <v>579491</v>
      </c>
      <c r="J35" s="19">
        <v>569355</v>
      </c>
      <c r="K35" s="20">
        <v>9.9708677735366322</v>
      </c>
      <c r="L35" s="21">
        <v>5.7406314814817039</v>
      </c>
      <c r="M35" s="22"/>
      <c r="N35" s="22"/>
      <c r="O35" s="22"/>
      <c r="P35" s="22"/>
      <c r="Q35" s="22"/>
      <c r="R35" s="22"/>
      <c r="S35" s="22"/>
    </row>
    <row r="36" spans="1:19" s="23" customFormat="1" ht="11.25" customHeight="1" x14ac:dyDescent="0.15">
      <c r="A36" s="40"/>
      <c r="B36" s="17">
        <v>8</v>
      </c>
      <c r="C36" s="18"/>
      <c r="D36" s="19">
        <v>42839</v>
      </c>
      <c r="E36" s="19">
        <v>36959</v>
      </c>
      <c r="F36" s="19">
        <v>83046</v>
      </c>
      <c r="G36" s="19">
        <v>46087</v>
      </c>
      <c r="H36" s="19">
        <v>5880</v>
      </c>
      <c r="I36" s="19">
        <v>590290</v>
      </c>
      <c r="J36" s="19">
        <v>584410</v>
      </c>
      <c r="K36" s="20">
        <v>10.034985784193067</v>
      </c>
      <c r="L36" s="21">
        <v>5.5689905574754457</v>
      </c>
      <c r="M36" s="22"/>
      <c r="N36" s="22"/>
      <c r="O36" s="22"/>
      <c r="P36" s="22"/>
      <c r="Q36" s="22"/>
      <c r="R36" s="22"/>
      <c r="S36" s="22"/>
    </row>
    <row r="37" spans="1:19" s="45" customFormat="1" ht="11.25" customHeight="1" x14ac:dyDescent="0.15">
      <c r="A37" s="41"/>
      <c r="B37" s="30" t="s">
        <v>22</v>
      </c>
      <c r="C37" s="31"/>
      <c r="D37" s="32">
        <v>13825</v>
      </c>
      <c r="E37" s="32">
        <v>35304</v>
      </c>
      <c r="F37" s="32">
        <v>82204</v>
      </c>
      <c r="G37" s="32">
        <v>46900</v>
      </c>
      <c r="H37" s="32">
        <v>-21479</v>
      </c>
      <c r="I37" s="32">
        <v>598915</v>
      </c>
      <c r="J37" s="32">
        <v>620394</v>
      </c>
      <c r="K37" s="33">
        <v>9.9517605224153698</v>
      </c>
      <c r="L37" s="34">
        <v>5.6777963177130175</v>
      </c>
      <c r="M37" s="44"/>
      <c r="N37" s="44"/>
      <c r="O37" s="44"/>
      <c r="P37" s="44"/>
      <c r="Q37" s="44"/>
      <c r="R37" s="44"/>
      <c r="S37" s="44"/>
    </row>
    <row r="38" spans="1:19" s="23" customFormat="1" ht="6" customHeight="1" x14ac:dyDescent="0.15">
      <c r="A38" s="40"/>
      <c r="B38" s="17"/>
      <c r="C38" s="18"/>
      <c r="D38" s="19"/>
      <c r="E38" s="19"/>
      <c r="F38" s="19"/>
      <c r="G38" s="19"/>
      <c r="H38" s="19"/>
      <c r="I38" s="19"/>
      <c r="J38" s="19"/>
      <c r="K38" s="20"/>
      <c r="L38" s="21"/>
      <c r="M38" s="22"/>
      <c r="N38" s="22"/>
      <c r="O38" s="22"/>
      <c r="P38" s="22"/>
      <c r="Q38" s="22"/>
      <c r="R38" s="22"/>
      <c r="S38" s="22"/>
    </row>
    <row r="39" spans="1:19" s="23" customFormat="1" ht="11.25" customHeight="1" x14ac:dyDescent="0.15">
      <c r="A39" s="16"/>
      <c r="B39" s="17">
        <v>6</v>
      </c>
      <c r="C39" s="18"/>
      <c r="D39" s="19">
        <v>41968</v>
      </c>
      <c r="E39" s="19">
        <v>40246</v>
      </c>
      <c r="F39" s="19">
        <v>85015</v>
      </c>
      <c r="G39" s="19">
        <v>44769</v>
      </c>
      <c r="H39" s="19">
        <v>1722</v>
      </c>
      <c r="I39" s="19">
        <v>599910</v>
      </c>
      <c r="J39" s="19">
        <v>598188</v>
      </c>
      <c r="K39" s="20">
        <v>10.34199567975493</v>
      </c>
      <c r="L39" s="21">
        <v>5.4461072115150087</v>
      </c>
      <c r="M39" s="22"/>
      <c r="N39" s="22"/>
      <c r="O39" s="22"/>
      <c r="P39" s="22"/>
      <c r="Q39" s="22"/>
      <c r="R39" s="22"/>
      <c r="S39" s="22"/>
    </row>
    <row r="40" spans="1:19" s="23" customFormat="1" ht="11.25" customHeight="1" x14ac:dyDescent="0.15">
      <c r="A40" s="40"/>
      <c r="B40" s="17">
        <v>5</v>
      </c>
      <c r="C40" s="18"/>
      <c r="D40" s="19">
        <v>48360</v>
      </c>
      <c r="E40" s="19">
        <v>36360</v>
      </c>
      <c r="F40" s="19">
        <v>80550</v>
      </c>
      <c r="G40" s="19">
        <v>44190</v>
      </c>
      <c r="H40" s="19">
        <v>12000</v>
      </c>
      <c r="I40" s="19">
        <v>597641</v>
      </c>
      <c r="J40" s="19">
        <v>585641</v>
      </c>
      <c r="K40" s="20">
        <v>9.8455441304056084</v>
      </c>
      <c r="L40" s="21">
        <v>5.4012985117644172</v>
      </c>
      <c r="M40" s="22"/>
      <c r="N40" s="22"/>
      <c r="O40" s="22"/>
      <c r="P40" s="22"/>
      <c r="Q40" s="22"/>
      <c r="R40" s="22"/>
      <c r="S40" s="22"/>
    </row>
    <row r="41" spans="1:19" s="23" customFormat="1" ht="11.25" customHeight="1" x14ac:dyDescent="0.15">
      <c r="A41" s="40"/>
      <c r="B41" s="17">
        <v>4</v>
      </c>
      <c r="C41" s="18"/>
      <c r="D41" s="19">
        <v>63663</v>
      </c>
      <c r="E41" s="19">
        <v>38388</v>
      </c>
      <c r="F41" s="19">
        <v>80794</v>
      </c>
      <c r="G41" s="19">
        <v>42406</v>
      </c>
      <c r="H41" s="19">
        <v>25275</v>
      </c>
      <c r="I41" s="19">
        <v>593602</v>
      </c>
      <c r="J41" s="19">
        <v>568327</v>
      </c>
      <c r="K41" s="20">
        <v>9.9356300444283541</v>
      </c>
      <c r="L41" s="21">
        <v>5.2148714962005691</v>
      </c>
      <c r="M41" s="22"/>
      <c r="N41" s="22"/>
      <c r="O41" s="22"/>
      <c r="P41" s="22"/>
      <c r="Q41" s="22"/>
      <c r="R41" s="22"/>
      <c r="S41" s="22"/>
    </row>
    <row r="42" spans="1:19" s="23" customFormat="1" ht="11.25" customHeight="1" x14ac:dyDescent="0.15">
      <c r="A42" s="40"/>
      <c r="B42" s="17">
        <v>3</v>
      </c>
      <c r="C42" s="18"/>
      <c r="D42" s="19">
        <v>86102</v>
      </c>
      <c r="E42" s="19">
        <v>40921</v>
      </c>
      <c r="F42" s="19">
        <v>81652</v>
      </c>
      <c r="G42" s="19">
        <v>40731</v>
      </c>
      <c r="H42" s="19">
        <v>45181</v>
      </c>
      <c r="I42" s="19">
        <v>596314</v>
      </c>
      <c r="J42" s="19">
        <v>551133</v>
      </c>
      <c r="K42" s="20">
        <v>10.134822733073182</v>
      </c>
      <c r="L42" s="21">
        <v>5.0556197611914442</v>
      </c>
      <c r="M42" s="22"/>
      <c r="N42" s="22"/>
      <c r="O42" s="22"/>
      <c r="P42" s="22"/>
      <c r="Q42" s="22"/>
      <c r="R42" s="22"/>
      <c r="S42" s="22"/>
    </row>
    <row r="43" spans="1:19" s="45" customFormat="1" ht="11.25" customHeight="1" x14ac:dyDescent="0.15">
      <c r="A43" s="41"/>
      <c r="B43" s="30" t="s">
        <v>23</v>
      </c>
      <c r="C43" s="31"/>
      <c r="D43" s="32">
        <v>88365</v>
      </c>
      <c r="E43" s="32">
        <v>39966</v>
      </c>
      <c r="F43" s="32">
        <v>79435</v>
      </c>
      <c r="G43" s="32">
        <v>39469</v>
      </c>
      <c r="H43" s="32">
        <v>48399</v>
      </c>
      <c r="I43" s="32">
        <v>611876</v>
      </c>
      <c r="J43" s="32">
        <v>563477</v>
      </c>
      <c r="K43" s="33">
        <v>9.9612859796357629</v>
      </c>
      <c r="L43" s="34">
        <v>4.9494806612984696</v>
      </c>
      <c r="M43" s="44"/>
      <c r="N43" s="44"/>
      <c r="O43" s="44"/>
      <c r="P43" s="44"/>
      <c r="Q43" s="44"/>
      <c r="R43" s="44"/>
      <c r="S43" s="44"/>
    </row>
    <row r="44" spans="1:19" s="23" customFormat="1" ht="6" customHeight="1" x14ac:dyDescent="0.15">
      <c r="A44" s="40"/>
      <c r="B44" s="17"/>
      <c r="C44" s="18"/>
      <c r="D44" s="19"/>
      <c r="E44" s="19"/>
      <c r="F44" s="19"/>
      <c r="G44" s="19"/>
      <c r="H44" s="19"/>
      <c r="I44" s="19"/>
      <c r="J44" s="19"/>
      <c r="K44" s="20"/>
      <c r="L44" s="21"/>
      <c r="M44" s="22"/>
      <c r="N44" s="22"/>
      <c r="O44" s="22"/>
      <c r="P44" s="22"/>
      <c r="Q44" s="22"/>
      <c r="R44" s="22"/>
      <c r="S44" s="22"/>
    </row>
    <row r="45" spans="1:19" s="23" customFormat="1" ht="11.25" customHeight="1" x14ac:dyDescent="0.15">
      <c r="A45" s="16"/>
      <c r="B45" s="17" t="s">
        <v>24</v>
      </c>
      <c r="C45" s="18"/>
      <c r="D45" s="19">
        <v>100278</v>
      </c>
      <c r="E45" s="19">
        <v>42342</v>
      </c>
      <c r="F45" s="19">
        <v>79173</v>
      </c>
      <c r="G45" s="19">
        <v>36831</v>
      </c>
      <c r="H45" s="19">
        <v>57936</v>
      </c>
      <c r="I45" s="19">
        <v>585529</v>
      </c>
      <c r="J45" s="19">
        <v>527593</v>
      </c>
      <c r="K45" s="20">
        <v>10.055043466698265</v>
      </c>
      <c r="L45" s="21">
        <v>4.6775707112521161</v>
      </c>
      <c r="M45" s="22"/>
      <c r="N45" s="22"/>
      <c r="O45" s="22"/>
      <c r="P45" s="22"/>
      <c r="Q45" s="22"/>
      <c r="R45" s="22"/>
      <c r="S45" s="22"/>
    </row>
    <row r="46" spans="1:19" s="23" customFormat="1" ht="11.25" customHeight="1" x14ac:dyDescent="0.15">
      <c r="A46" s="40"/>
      <c r="B46" s="17" t="s">
        <v>25</v>
      </c>
      <c r="C46" s="18"/>
      <c r="D46" s="19">
        <v>109017</v>
      </c>
      <c r="E46" s="19">
        <v>47324</v>
      </c>
      <c r="F46" s="19">
        <v>84328</v>
      </c>
      <c r="G46" s="19">
        <v>37004</v>
      </c>
      <c r="H46" s="19">
        <v>61693</v>
      </c>
      <c r="I46" s="19">
        <v>568062</v>
      </c>
      <c r="J46" s="19">
        <v>506369</v>
      </c>
      <c r="K46" s="20">
        <v>10.852556550007174</v>
      </c>
      <c r="L46" s="21">
        <v>4.7622142417283166</v>
      </c>
      <c r="M46" s="22"/>
      <c r="N46" s="22"/>
      <c r="O46" s="22"/>
      <c r="P46" s="22"/>
      <c r="Q46" s="22"/>
      <c r="R46" s="22"/>
      <c r="S46" s="22"/>
    </row>
    <row r="47" spans="1:19" s="23" customFormat="1" ht="11.25" customHeight="1" x14ac:dyDescent="0.15">
      <c r="A47" s="40"/>
      <c r="B47" s="17">
        <v>62</v>
      </c>
      <c r="C47" s="18"/>
      <c r="D47" s="19">
        <v>128890</v>
      </c>
      <c r="E47" s="19">
        <v>48655</v>
      </c>
      <c r="F47" s="19">
        <v>83506</v>
      </c>
      <c r="G47" s="19">
        <v>34851</v>
      </c>
      <c r="H47" s="19">
        <v>80235</v>
      </c>
      <c r="I47" s="19">
        <v>579558</v>
      </c>
      <c r="J47" s="19">
        <v>499323</v>
      </c>
      <c r="K47" s="20">
        <v>10.905958862022107</v>
      </c>
      <c r="L47" s="21">
        <v>4.5515720103984441</v>
      </c>
      <c r="M47" s="22"/>
      <c r="N47" s="22"/>
      <c r="O47" s="22"/>
      <c r="P47" s="22"/>
      <c r="Q47" s="22"/>
      <c r="R47" s="22"/>
      <c r="S47" s="22"/>
    </row>
    <row r="48" spans="1:19" s="23" customFormat="1" ht="11.25" customHeight="1" x14ac:dyDescent="0.15">
      <c r="A48" s="40"/>
      <c r="B48" s="17">
        <v>61</v>
      </c>
      <c r="C48" s="18"/>
      <c r="D48" s="19">
        <v>119944</v>
      </c>
      <c r="E48" s="19">
        <v>49040</v>
      </c>
      <c r="F48" s="19">
        <v>83036</v>
      </c>
      <c r="G48" s="19">
        <v>33996</v>
      </c>
      <c r="H48" s="19">
        <v>70904</v>
      </c>
      <c r="I48" s="19">
        <v>559606</v>
      </c>
      <c r="J48" s="19">
        <v>488702</v>
      </c>
      <c r="K48" s="20">
        <v>11.033199118842871</v>
      </c>
      <c r="L48" s="21">
        <v>4.5171327766773715</v>
      </c>
      <c r="M48" s="22"/>
      <c r="N48" s="22"/>
      <c r="O48" s="22"/>
      <c r="P48" s="22"/>
      <c r="Q48" s="22"/>
      <c r="R48" s="22"/>
      <c r="S48" s="22"/>
    </row>
    <row r="49" spans="1:19" s="45" customFormat="1" ht="11.25" customHeight="1" x14ac:dyDescent="0.15">
      <c r="A49" s="41"/>
      <c r="B49" s="30" t="s">
        <v>26</v>
      </c>
      <c r="C49" s="31"/>
      <c r="D49" s="32">
        <v>102260</v>
      </c>
      <c r="E49" s="32">
        <v>52583</v>
      </c>
      <c r="F49" s="32">
        <v>86202</v>
      </c>
      <c r="G49" s="32">
        <v>33619</v>
      </c>
      <c r="H49" s="32">
        <v>49677</v>
      </c>
      <c r="I49" s="32">
        <v>545369</v>
      </c>
      <c r="J49" s="32">
        <v>495692</v>
      </c>
      <c r="K49" s="33">
        <v>11.627944620972871</v>
      </c>
      <c r="L49" s="34">
        <v>4.5349280783797008</v>
      </c>
      <c r="M49" s="44"/>
      <c r="N49" s="44"/>
      <c r="O49" s="44"/>
      <c r="P49" s="44"/>
      <c r="Q49" s="44"/>
      <c r="R49" s="44"/>
      <c r="S49" s="44"/>
    </row>
    <row r="50" spans="1:19" s="23" customFormat="1" ht="6" customHeight="1" x14ac:dyDescent="0.15">
      <c r="A50" s="40"/>
      <c r="B50" s="17"/>
      <c r="C50" s="18"/>
      <c r="D50" s="19"/>
      <c r="E50" s="19"/>
      <c r="F50" s="19"/>
      <c r="G50" s="19"/>
      <c r="H50" s="19"/>
      <c r="I50" s="19"/>
      <c r="J50" s="19"/>
      <c r="K50" s="20"/>
      <c r="L50" s="21"/>
      <c r="M50" s="22"/>
      <c r="N50" s="22"/>
      <c r="O50" s="22"/>
      <c r="P50" s="22"/>
      <c r="Q50" s="22"/>
      <c r="R50" s="22"/>
      <c r="S50" s="22"/>
    </row>
    <row r="51" spans="1:19" s="23" customFormat="1" ht="11.25" customHeight="1" x14ac:dyDescent="0.15">
      <c r="A51" s="16"/>
      <c r="B51" s="17">
        <v>59</v>
      </c>
      <c r="C51" s="18"/>
      <c r="D51" s="19">
        <v>101415</v>
      </c>
      <c r="E51" s="19">
        <v>55972</v>
      </c>
      <c r="F51" s="19">
        <v>88786</v>
      </c>
      <c r="G51" s="19">
        <v>32814</v>
      </c>
      <c r="H51" s="19">
        <v>45443</v>
      </c>
      <c r="I51" s="19">
        <v>529376</v>
      </c>
      <c r="J51" s="19">
        <v>483933</v>
      </c>
      <c r="K51" s="20">
        <v>12.145736249590461</v>
      </c>
      <c r="L51" s="21">
        <v>4.4888855145412725</v>
      </c>
      <c r="M51" s="22"/>
      <c r="N51" s="22"/>
      <c r="O51" s="22"/>
      <c r="P51" s="22"/>
      <c r="Q51" s="22"/>
      <c r="R51" s="22"/>
      <c r="S51" s="22"/>
    </row>
    <row r="52" spans="1:19" s="23" customFormat="1" ht="11.25" customHeight="1" x14ac:dyDescent="0.15">
      <c r="A52" s="40"/>
      <c r="B52" s="17">
        <v>58</v>
      </c>
      <c r="C52" s="18"/>
      <c r="D52" s="19">
        <v>100535</v>
      </c>
      <c r="E52" s="19">
        <v>58352</v>
      </c>
      <c r="F52" s="19">
        <v>90597</v>
      </c>
      <c r="G52" s="19">
        <v>32245</v>
      </c>
      <c r="H52" s="19">
        <v>42183</v>
      </c>
      <c r="I52" s="19">
        <v>530510</v>
      </c>
      <c r="J52" s="19">
        <v>488327</v>
      </c>
      <c r="K52" s="20">
        <v>12.562638474395913</v>
      </c>
      <c r="L52" s="21">
        <v>4.4712548716502338</v>
      </c>
      <c r="M52" s="22"/>
      <c r="N52" s="22"/>
      <c r="O52" s="22"/>
      <c r="P52" s="22"/>
      <c r="Q52" s="22"/>
      <c r="R52" s="22"/>
      <c r="S52" s="22"/>
    </row>
    <row r="53" spans="1:19" s="23" customFormat="1" ht="11.25" customHeight="1" x14ac:dyDescent="0.15">
      <c r="A53" s="40"/>
      <c r="B53" s="17">
        <v>57</v>
      </c>
      <c r="C53" s="18"/>
      <c r="D53" s="19">
        <v>103483</v>
      </c>
      <c r="E53" s="19">
        <v>60339</v>
      </c>
      <c r="F53" s="19">
        <v>90554</v>
      </c>
      <c r="G53" s="19">
        <v>30215</v>
      </c>
      <c r="H53" s="19">
        <v>43144</v>
      </c>
      <c r="I53" s="19">
        <v>542446</v>
      </c>
      <c r="J53" s="19">
        <v>499302</v>
      </c>
      <c r="K53" s="20">
        <v>12.735100239305238</v>
      </c>
      <c r="L53" s="21">
        <v>4.2492993543146378</v>
      </c>
      <c r="M53" s="22"/>
      <c r="N53" s="22"/>
      <c r="O53" s="22"/>
      <c r="P53" s="22"/>
      <c r="Q53" s="22"/>
      <c r="R53" s="22"/>
      <c r="S53" s="22"/>
    </row>
    <row r="54" spans="1:19" s="23" customFormat="1" ht="11.25" customHeight="1" x14ac:dyDescent="0.15">
      <c r="A54" s="40"/>
      <c r="B54" s="17">
        <v>56</v>
      </c>
      <c r="C54" s="18"/>
      <c r="D54" s="19">
        <v>100986</v>
      </c>
      <c r="E54" s="19">
        <v>62127</v>
      </c>
      <c r="F54" s="19">
        <v>92348</v>
      </c>
      <c r="G54" s="19">
        <v>30221</v>
      </c>
      <c r="H54" s="19">
        <v>38859</v>
      </c>
      <c r="I54" s="19">
        <v>540831</v>
      </c>
      <c r="J54" s="19">
        <v>501972</v>
      </c>
      <c r="K54" s="20">
        <v>13.183497415635923</v>
      </c>
      <c r="L54" s="21">
        <v>4.3143162320562789</v>
      </c>
      <c r="M54" s="22"/>
      <c r="N54" s="22"/>
      <c r="O54" s="22"/>
      <c r="P54" s="22"/>
      <c r="Q54" s="22"/>
      <c r="R54" s="22"/>
      <c r="S54" s="22"/>
    </row>
    <row r="55" spans="1:19" s="45" customFormat="1" ht="11.25" customHeight="1" x14ac:dyDescent="0.15">
      <c r="A55" s="41"/>
      <c r="B55" s="30" t="s">
        <v>27</v>
      </c>
      <c r="C55" s="31"/>
      <c r="D55" s="32">
        <v>86534</v>
      </c>
      <c r="E55" s="32">
        <v>64640</v>
      </c>
      <c r="F55" s="32">
        <v>94274</v>
      </c>
      <c r="G55" s="32">
        <v>29634</v>
      </c>
      <c r="H55" s="32">
        <v>21894</v>
      </c>
      <c r="I55" s="32">
        <v>549403</v>
      </c>
      <c r="J55" s="32">
        <v>527509</v>
      </c>
      <c r="K55" s="33">
        <v>13.642075602862413</v>
      </c>
      <c r="L55" s="34">
        <v>4.2882371429580246</v>
      </c>
      <c r="M55" s="44"/>
      <c r="N55" s="44"/>
      <c r="O55" s="44"/>
      <c r="P55" s="44"/>
      <c r="Q55" s="44"/>
      <c r="R55" s="44"/>
      <c r="S55" s="44"/>
    </row>
    <row r="56" spans="1:19" s="23" customFormat="1" ht="6" customHeight="1" x14ac:dyDescent="0.15">
      <c r="A56" s="40"/>
      <c r="B56" s="17"/>
      <c r="C56" s="18"/>
      <c r="D56" s="19"/>
      <c r="E56" s="19"/>
      <c r="F56" s="19"/>
      <c r="G56" s="19"/>
      <c r="H56" s="19"/>
      <c r="I56" s="19"/>
      <c r="J56" s="19"/>
      <c r="K56" s="20"/>
      <c r="L56" s="21"/>
      <c r="M56" s="22"/>
      <c r="N56" s="22"/>
      <c r="O56" s="22"/>
      <c r="P56" s="22"/>
      <c r="Q56" s="22"/>
      <c r="R56" s="22"/>
      <c r="S56" s="22"/>
    </row>
    <row r="57" spans="1:19" s="23" customFormat="1" ht="11.25" customHeight="1" x14ac:dyDescent="0.15">
      <c r="A57" s="16"/>
      <c r="B57" s="17">
        <v>54</v>
      </c>
      <c r="C57" s="18"/>
      <c r="D57" s="19">
        <v>97817</v>
      </c>
      <c r="E57" s="19">
        <v>71989</v>
      </c>
      <c r="F57" s="19">
        <v>99947</v>
      </c>
      <c r="G57" s="19">
        <v>27958</v>
      </c>
      <c r="H57" s="19">
        <v>25828</v>
      </c>
      <c r="I57" s="19">
        <v>572868</v>
      </c>
      <c r="J57" s="19">
        <v>547040</v>
      </c>
      <c r="K57" s="20">
        <v>14.659486358421486</v>
      </c>
      <c r="L57" s="21">
        <v>4.1006725525403258</v>
      </c>
      <c r="M57" s="22"/>
      <c r="N57" s="22"/>
      <c r="O57" s="22"/>
      <c r="P57" s="22"/>
      <c r="Q57" s="22"/>
      <c r="R57" s="22"/>
      <c r="S57" s="22"/>
    </row>
    <row r="58" spans="1:19" s="23" customFormat="1" ht="11.25" customHeight="1" x14ac:dyDescent="0.15">
      <c r="A58" s="40"/>
      <c r="B58" s="17">
        <v>53</v>
      </c>
      <c r="C58" s="18"/>
      <c r="D58" s="19">
        <v>112529</v>
      </c>
      <c r="E58" s="19">
        <v>76221</v>
      </c>
      <c r="F58" s="19">
        <v>104017</v>
      </c>
      <c r="G58" s="19">
        <v>27796</v>
      </c>
      <c r="H58" s="19">
        <v>36308</v>
      </c>
      <c r="I58" s="19">
        <v>577221</v>
      </c>
      <c r="J58" s="19">
        <v>540913</v>
      </c>
      <c r="K58" s="20">
        <v>15.501116121491602</v>
      </c>
      <c r="L58" s="21">
        <v>4.1422942760604569</v>
      </c>
      <c r="M58" s="22"/>
      <c r="N58" s="22"/>
      <c r="O58" s="22"/>
      <c r="P58" s="22"/>
      <c r="Q58" s="22"/>
      <c r="R58" s="22"/>
      <c r="S58" s="22"/>
    </row>
    <row r="59" spans="1:19" s="23" customFormat="1" ht="11.25" customHeight="1" x14ac:dyDescent="0.15">
      <c r="A59" s="40"/>
      <c r="B59" s="17">
        <v>52</v>
      </c>
      <c r="C59" s="18"/>
      <c r="D59" s="19">
        <v>112020</v>
      </c>
      <c r="E59" s="19">
        <v>81332</v>
      </c>
      <c r="F59" s="19">
        <v>108145</v>
      </c>
      <c r="G59" s="19">
        <v>26813</v>
      </c>
      <c r="H59" s="19">
        <v>30688</v>
      </c>
      <c r="I59" s="19">
        <v>580079</v>
      </c>
      <c r="J59" s="19">
        <v>549391</v>
      </c>
      <c r="K59" s="20">
        <v>16.385407449606671</v>
      </c>
      <c r="L59" s="21">
        <v>4.0625265148301235</v>
      </c>
      <c r="M59" s="22"/>
      <c r="N59" s="22"/>
      <c r="O59" s="22"/>
      <c r="P59" s="22"/>
      <c r="Q59" s="22"/>
      <c r="R59" s="22"/>
      <c r="S59" s="22"/>
    </row>
    <row r="60" spans="1:19" s="23" customFormat="1" ht="11.25" customHeight="1" x14ac:dyDescent="0.15">
      <c r="A60" s="40"/>
      <c r="B60" s="17">
        <v>51</v>
      </c>
      <c r="C60" s="18"/>
      <c r="D60" s="19">
        <v>113349</v>
      </c>
      <c r="E60" s="19">
        <v>87123</v>
      </c>
      <c r="F60" s="19">
        <v>113644</v>
      </c>
      <c r="G60" s="19">
        <v>26521</v>
      </c>
      <c r="H60" s="19">
        <v>26226</v>
      </c>
      <c r="I60" s="19">
        <v>582766</v>
      </c>
      <c r="J60" s="19">
        <v>556540</v>
      </c>
      <c r="K60" s="20">
        <v>17.509671272269195</v>
      </c>
      <c r="L60" s="21">
        <v>4.0862165341931931</v>
      </c>
      <c r="M60" s="22"/>
      <c r="N60" s="22"/>
      <c r="O60" s="22"/>
      <c r="P60" s="22"/>
      <c r="Q60" s="22"/>
      <c r="R60" s="22"/>
      <c r="S60" s="22"/>
    </row>
    <row r="61" spans="1:19" s="45" customFormat="1" ht="11.25" customHeight="1" x14ac:dyDescent="0.15">
      <c r="A61" s="41"/>
      <c r="B61" s="30" t="s">
        <v>28</v>
      </c>
      <c r="C61" s="31"/>
      <c r="D61" s="32">
        <v>125327</v>
      </c>
      <c r="E61" s="32">
        <v>90784</v>
      </c>
      <c r="F61" s="32">
        <v>117269</v>
      </c>
      <c r="G61" s="32">
        <v>26485</v>
      </c>
      <c r="H61" s="32">
        <v>34543</v>
      </c>
      <c r="I61" s="32">
        <v>607335</v>
      </c>
      <c r="J61" s="32">
        <v>572792</v>
      </c>
      <c r="K61" s="33">
        <v>18.393587865618223</v>
      </c>
      <c r="L61" s="34">
        <v>4.1541598770425141</v>
      </c>
      <c r="M61" s="44"/>
      <c r="N61" s="44"/>
      <c r="O61" s="44"/>
      <c r="P61" s="44"/>
      <c r="Q61" s="44"/>
      <c r="R61" s="44"/>
      <c r="S61" s="44"/>
    </row>
    <row r="62" spans="1:19" s="23" customFormat="1" ht="6" customHeight="1" x14ac:dyDescent="0.15">
      <c r="A62" s="40"/>
      <c r="B62" s="17"/>
      <c r="C62" s="18"/>
      <c r="D62" s="19"/>
      <c r="E62" s="19"/>
      <c r="F62" s="19"/>
      <c r="G62" s="19"/>
      <c r="H62" s="19"/>
      <c r="I62" s="19"/>
      <c r="J62" s="19"/>
      <c r="K62" s="20"/>
      <c r="L62" s="21"/>
      <c r="M62" s="22"/>
      <c r="N62" s="22"/>
      <c r="O62" s="22"/>
      <c r="P62" s="22"/>
      <c r="Q62" s="22"/>
      <c r="R62" s="22"/>
      <c r="S62" s="22"/>
    </row>
    <row r="63" spans="1:19" s="23" customFormat="1" ht="11.25" customHeight="1" x14ac:dyDescent="0.15">
      <c r="A63" s="16"/>
      <c r="B63" s="17">
        <v>49</v>
      </c>
      <c r="C63" s="18"/>
      <c r="D63" s="19">
        <v>157902</v>
      </c>
      <c r="E63" s="19">
        <v>101799</v>
      </c>
      <c r="F63" s="19">
        <v>128524</v>
      </c>
      <c r="G63" s="19">
        <v>26725</v>
      </c>
      <c r="H63" s="19">
        <v>56103</v>
      </c>
      <c r="I63" s="19">
        <v>658495</v>
      </c>
      <c r="J63" s="19">
        <v>602392</v>
      </c>
      <c r="K63" s="20">
        <v>20.61722376515063</v>
      </c>
      <c r="L63" s="21">
        <v>4.2871005035919403</v>
      </c>
      <c r="M63" s="22"/>
      <c r="N63" s="22"/>
      <c r="O63" s="22"/>
      <c r="P63" s="22"/>
      <c r="Q63" s="22"/>
      <c r="R63" s="22"/>
      <c r="S63" s="22"/>
    </row>
    <row r="64" spans="1:19" s="23" customFormat="1" ht="11.25" customHeight="1" x14ac:dyDescent="0.15">
      <c r="A64" s="40"/>
      <c r="B64" s="17">
        <v>48</v>
      </c>
      <c r="C64" s="18"/>
      <c r="D64" s="19">
        <v>179906</v>
      </c>
      <c r="E64" s="19">
        <v>108371</v>
      </c>
      <c r="F64" s="19">
        <v>134217</v>
      </c>
      <c r="G64" s="19">
        <v>25846</v>
      </c>
      <c r="H64" s="19">
        <v>71535</v>
      </c>
      <c r="I64" s="19">
        <v>700624</v>
      </c>
      <c r="J64" s="19">
        <v>629089</v>
      </c>
      <c r="K64" s="20">
        <v>22.127612009320117</v>
      </c>
      <c r="L64" s="21">
        <v>4.2610865985149999</v>
      </c>
      <c r="M64" s="22"/>
      <c r="N64" s="22"/>
      <c r="O64" s="22"/>
      <c r="P64" s="22"/>
      <c r="Q64" s="22"/>
      <c r="R64" s="22"/>
      <c r="S64" s="22"/>
    </row>
    <row r="65" spans="1:19" s="23" customFormat="1" ht="11.25" customHeight="1" x14ac:dyDescent="0.15">
      <c r="A65" s="40"/>
      <c r="B65" s="17">
        <v>47</v>
      </c>
      <c r="C65" s="18"/>
      <c r="D65" s="19">
        <v>199934</v>
      </c>
      <c r="E65" s="19">
        <v>106384</v>
      </c>
      <c r="F65" s="19">
        <v>131361</v>
      </c>
      <c r="G65" s="19">
        <v>24977</v>
      </c>
      <c r="H65" s="19">
        <v>93550</v>
      </c>
      <c r="I65" s="19">
        <v>701526</v>
      </c>
      <c r="J65" s="19">
        <v>607976</v>
      </c>
      <c r="K65" s="20">
        <v>22.331365980354121</v>
      </c>
      <c r="L65" s="21">
        <v>4.2460892357039377</v>
      </c>
      <c r="M65" s="22"/>
      <c r="N65" s="22"/>
      <c r="O65" s="22"/>
      <c r="P65" s="22"/>
      <c r="Q65" s="22"/>
      <c r="R65" s="22"/>
      <c r="S65" s="22"/>
    </row>
    <row r="66" spans="1:19" s="23" customFormat="1" ht="11.25" customHeight="1" x14ac:dyDescent="0.15">
      <c r="A66" s="40"/>
      <c r="B66" s="17">
        <v>46</v>
      </c>
      <c r="C66" s="18"/>
      <c r="D66" s="19">
        <v>233876</v>
      </c>
      <c r="E66" s="19">
        <v>102700</v>
      </c>
      <c r="F66" s="19">
        <v>126635</v>
      </c>
      <c r="G66" s="19">
        <v>23935</v>
      </c>
      <c r="H66" s="19">
        <v>131176</v>
      </c>
      <c r="I66" s="19">
        <v>714259</v>
      </c>
      <c r="J66" s="19">
        <v>583083</v>
      </c>
      <c r="K66" s="20">
        <v>22.334983301894862</v>
      </c>
      <c r="L66" s="21">
        <v>4.2214855713732664</v>
      </c>
      <c r="M66" s="22"/>
      <c r="N66" s="22"/>
      <c r="O66" s="22"/>
      <c r="P66" s="22"/>
      <c r="Q66" s="22"/>
      <c r="R66" s="22"/>
      <c r="S66" s="22"/>
    </row>
    <row r="67" spans="1:19" s="45" customFormat="1" ht="11.25" customHeight="1" x14ac:dyDescent="0.15">
      <c r="A67" s="41"/>
      <c r="B67" s="30" t="s">
        <v>29</v>
      </c>
      <c r="C67" s="31"/>
      <c r="D67" s="32">
        <v>231476</v>
      </c>
      <c r="E67" s="32">
        <v>97696</v>
      </c>
      <c r="F67" s="32">
        <v>120706</v>
      </c>
      <c r="G67" s="32">
        <v>23010</v>
      </c>
      <c r="H67" s="32">
        <v>133780</v>
      </c>
      <c r="I67" s="32">
        <v>770448</v>
      </c>
      <c r="J67" s="32">
        <v>636668</v>
      </c>
      <c r="K67" s="33">
        <v>22.20187509150691</v>
      </c>
      <c r="L67" s="34">
        <v>4.2323094614648316</v>
      </c>
      <c r="M67" s="44"/>
      <c r="N67" s="44"/>
      <c r="O67" s="44"/>
      <c r="P67" s="44"/>
      <c r="Q67" s="44"/>
      <c r="R67" s="44"/>
      <c r="S67" s="44"/>
    </row>
    <row r="68" spans="1:19" s="23" customFormat="1" ht="6" customHeight="1" x14ac:dyDescent="0.15">
      <c r="A68" s="40"/>
      <c r="B68" s="17"/>
      <c r="C68" s="18"/>
      <c r="D68" s="19"/>
      <c r="E68" s="19"/>
      <c r="F68" s="19"/>
      <c r="G68" s="19"/>
      <c r="H68" s="19"/>
      <c r="I68" s="19"/>
      <c r="J68" s="19"/>
      <c r="K68" s="20"/>
      <c r="L68" s="21"/>
      <c r="M68" s="22"/>
      <c r="N68" s="22"/>
      <c r="O68" s="22"/>
      <c r="P68" s="22"/>
      <c r="Q68" s="22"/>
      <c r="R68" s="22"/>
      <c r="S68" s="22"/>
    </row>
    <row r="69" spans="1:19" s="22" customFormat="1" ht="11.25" customHeight="1" x14ac:dyDescent="0.15">
      <c r="A69" s="16"/>
      <c r="B69" s="17">
        <v>44</v>
      </c>
      <c r="C69" s="18"/>
      <c r="D69" s="19">
        <v>219526</v>
      </c>
      <c r="E69" s="19">
        <v>90246</v>
      </c>
      <c r="F69" s="19">
        <v>111300</v>
      </c>
      <c r="G69" s="19">
        <v>21054</v>
      </c>
      <c r="H69" s="19">
        <v>129280</v>
      </c>
      <c r="I69" s="19">
        <v>728289</v>
      </c>
      <c r="J69" s="19">
        <v>599009</v>
      </c>
      <c r="K69" s="20">
        <v>21.369449559075104</v>
      </c>
      <c r="L69" s="21">
        <v>4.0423395419296249</v>
      </c>
    </row>
    <row r="70" spans="1:19" s="22" customFormat="1" ht="11.25" customHeight="1" x14ac:dyDescent="0.15">
      <c r="A70" s="40"/>
      <c r="B70" s="17">
        <v>43</v>
      </c>
      <c r="C70" s="18"/>
      <c r="D70" s="19">
        <v>227639</v>
      </c>
      <c r="E70" s="19">
        <v>86018</v>
      </c>
      <c r="F70" s="19">
        <v>106834</v>
      </c>
      <c r="G70" s="19">
        <v>20816</v>
      </c>
      <c r="H70" s="19">
        <v>141621</v>
      </c>
      <c r="I70" s="19">
        <v>692357</v>
      </c>
      <c r="J70" s="19">
        <v>550736</v>
      </c>
      <c r="K70" s="20">
        <v>21.449147567340535</v>
      </c>
      <c r="L70" s="21">
        <v>4.1792449572398356</v>
      </c>
    </row>
    <row r="71" spans="1:19" s="22" customFormat="1" ht="11.25" customHeight="1" x14ac:dyDescent="0.15">
      <c r="A71" s="40"/>
      <c r="B71" s="17">
        <v>42</v>
      </c>
      <c r="C71" s="18"/>
      <c r="D71" s="19">
        <v>207214</v>
      </c>
      <c r="E71" s="19">
        <v>85699</v>
      </c>
      <c r="F71" s="19">
        <v>105413</v>
      </c>
      <c r="G71" s="19">
        <v>19714</v>
      </c>
      <c r="H71" s="19">
        <v>121515</v>
      </c>
      <c r="I71" s="19">
        <v>624117</v>
      </c>
      <c r="J71" s="19">
        <v>502602</v>
      </c>
      <c r="K71" s="20">
        <v>22.105802434987282</v>
      </c>
      <c r="L71" s="21">
        <v>4.1341560263282453</v>
      </c>
    </row>
    <row r="72" spans="1:19" s="22" customFormat="1" ht="11.25" customHeight="1" x14ac:dyDescent="0.15">
      <c r="A72" s="16"/>
      <c r="B72" s="17">
        <v>41</v>
      </c>
      <c r="C72" s="18"/>
      <c r="D72" s="19">
        <v>164190</v>
      </c>
      <c r="E72" s="19">
        <v>55394</v>
      </c>
      <c r="F72" s="19">
        <v>74176</v>
      </c>
      <c r="G72" s="19">
        <v>18782</v>
      </c>
      <c r="H72" s="19">
        <v>108796</v>
      </c>
      <c r="I72" s="19">
        <v>606898</v>
      </c>
      <c r="J72" s="19">
        <v>498102</v>
      </c>
      <c r="K72" s="20">
        <v>16.224050071981974</v>
      </c>
      <c r="L72" s="21">
        <v>4.108068761485729</v>
      </c>
    </row>
    <row r="73" spans="1:19" s="44" customFormat="1" ht="11.25" customHeight="1" x14ac:dyDescent="0.15">
      <c r="A73" s="41"/>
      <c r="B73" s="30" t="s">
        <v>32</v>
      </c>
      <c r="C73" s="31"/>
      <c r="D73" s="32">
        <v>219486</v>
      </c>
      <c r="E73" s="32">
        <v>73843</v>
      </c>
      <c r="F73" s="32">
        <v>91899</v>
      </c>
      <c r="G73" s="32">
        <v>18056</v>
      </c>
      <c r="H73" s="32">
        <v>145643</v>
      </c>
      <c r="I73" s="32">
        <v>622019</v>
      </c>
      <c r="J73" s="32">
        <v>476376</v>
      </c>
      <c r="K73" s="33">
        <v>20.92497597244704</v>
      </c>
      <c r="L73" s="34">
        <v>4.1112674366261199</v>
      </c>
    </row>
    <row r="74" spans="1:19" s="22" customFormat="1" ht="5.0999999999999996" customHeight="1" x14ac:dyDescent="0.15">
      <c r="A74" s="40"/>
      <c r="B74" s="17"/>
      <c r="C74" s="18"/>
      <c r="D74" s="19"/>
      <c r="E74" s="19"/>
      <c r="F74" s="19"/>
      <c r="G74" s="19"/>
      <c r="H74" s="19"/>
      <c r="I74" s="19"/>
      <c r="J74" s="19"/>
      <c r="K74" s="20"/>
      <c r="L74" s="21"/>
    </row>
    <row r="75" spans="1:19" s="22" customFormat="1" ht="11.25" customHeight="1" x14ac:dyDescent="0.15">
      <c r="A75" s="40"/>
      <c r="B75" s="17">
        <v>39</v>
      </c>
      <c r="C75" s="18"/>
      <c r="D75" s="19">
        <v>230897</v>
      </c>
      <c r="E75" s="19">
        <v>63494</v>
      </c>
      <c r="F75" s="19">
        <v>79361</v>
      </c>
      <c r="G75" s="19">
        <v>15867</v>
      </c>
      <c r="H75" s="19">
        <v>167403</v>
      </c>
      <c r="I75" s="19">
        <v>606259</v>
      </c>
      <c r="J75" s="19">
        <v>438856</v>
      </c>
      <c r="K75" s="20">
        <v>19.135522204376663</v>
      </c>
      <c r="L75" s="21">
        <v>3.8258506170139559</v>
      </c>
    </row>
    <row r="76" spans="1:19" s="22" customFormat="1" ht="11.25" customHeight="1" x14ac:dyDescent="0.15">
      <c r="A76" s="40"/>
      <c r="B76" s="17">
        <v>38</v>
      </c>
      <c r="C76" s="18"/>
      <c r="D76" s="19">
        <v>187535</v>
      </c>
      <c r="E76" s="19">
        <v>54670</v>
      </c>
      <c r="F76" s="19">
        <v>70137</v>
      </c>
      <c r="G76" s="19">
        <v>15467</v>
      </c>
      <c r="H76" s="19">
        <v>132865</v>
      </c>
      <c r="I76" s="19">
        <v>502670</v>
      </c>
      <c r="J76" s="19">
        <v>369805</v>
      </c>
      <c r="K76" s="20">
        <v>17.8</v>
      </c>
      <c r="L76" s="21">
        <v>3.9</v>
      </c>
    </row>
    <row r="77" spans="1:19" s="22" customFormat="1" ht="11.25" customHeight="1" x14ac:dyDescent="0.15">
      <c r="A77" s="40"/>
      <c r="B77" s="17">
        <v>37</v>
      </c>
      <c r="C77" s="18"/>
      <c r="D77" s="19">
        <v>192971</v>
      </c>
      <c r="E77" s="19">
        <v>47778</v>
      </c>
      <c r="F77" s="19">
        <v>64329</v>
      </c>
      <c r="G77" s="19">
        <v>16551</v>
      </c>
      <c r="H77" s="19">
        <v>145193</v>
      </c>
      <c r="I77" s="19">
        <v>463974</v>
      </c>
      <c r="J77" s="19">
        <v>318781</v>
      </c>
      <c r="K77" s="20">
        <v>17.100000000000001</v>
      </c>
      <c r="L77" s="21">
        <v>4.4000000000000004</v>
      </c>
    </row>
    <row r="78" spans="1:19" s="22" customFormat="1" ht="11.25" customHeight="1" x14ac:dyDescent="0.15">
      <c r="A78" s="40"/>
      <c r="B78" s="17">
        <v>36</v>
      </c>
      <c r="C78" s="18"/>
      <c r="D78" s="19">
        <v>165890</v>
      </c>
      <c r="E78" s="19">
        <v>44449</v>
      </c>
      <c r="F78" s="19">
        <v>59920</v>
      </c>
      <c r="G78" s="19">
        <v>15471</v>
      </c>
      <c r="H78" s="19">
        <v>121441</v>
      </c>
      <c r="I78" s="19">
        <v>399589</v>
      </c>
      <c r="J78" s="19">
        <v>278148</v>
      </c>
      <c r="K78" s="20">
        <v>16.8</v>
      </c>
      <c r="L78" s="21">
        <v>4.3</v>
      </c>
    </row>
    <row r="79" spans="1:19" s="44" customFormat="1" ht="11.25" customHeight="1" x14ac:dyDescent="0.15">
      <c r="A79" s="41"/>
      <c r="B79" s="30" t="s">
        <v>33</v>
      </c>
      <c r="C79" s="31"/>
      <c r="D79" s="32">
        <v>145393</v>
      </c>
      <c r="E79" s="32">
        <v>40148</v>
      </c>
      <c r="F79" s="32">
        <v>56724</v>
      </c>
      <c r="G79" s="32">
        <v>16576</v>
      </c>
      <c r="H79" s="32">
        <v>105245</v>
      </c>
      <c r="I79" s="32">
        <v>374283</v>
      </c>
      <c r="J79" s="32">
        <v>269038</v>
      </c>
      <c r="K79" s="33">
        <v>16.600000000000001</v>
      </c>
      <c r="L79" s="34">
        <v>4.9000000000000004</v>
      </c>
    </row>
    <row r="80" spans="1:19" s="22" customFormat="1" ht="5.0999999999999996" customHeight="1" x14ac:dyDescent="0.15">
      <c r="A80" s="40"/>
      <c r="B80" s="17"/>
      <c r="C80" s="18"/>
      <c r="D80" s="19"/>
      <c r="E80" s="19"/>
      <c r="F80" s="19"/>
      <c r="G80" s="19"/>
      <c r="H80" s="19"/>
      <c r="I80" s="19"/>
      <c r="J80" s="19"/>
      <c r="K80" s="20"/>
      <c r="L80" s="21"/>
    </row>
    <row r="81" spans="1:19" s="22" customFormat="1" ht="11.25" customHeight="1" x14ac:dyDescent="0.15">
      <c r="A81" s="40"/>
      <c r="B81" s="17">
        <v>34</v>
      </c>
      <c r="C81" s="18"/>
      <c r="D81" s="19">
        <v>123782</v>
      </c>
      <c r="E81" s="19">
        <v>38423</v>
      </c>
      <c r="F81" s="19">
        <v>55309</v>
      </c>
      <c r="G81" s="19">
        <v>16886</v>
      </c>
      <c r="H81" s="19">
        <v>85359</v>
      </c>
      <c r="I81" s="19">
        <v>348412</v>
      </c>
      <c r="J81" s="19">
        <v>263053</v>
      </c>
      <c r="K81" s="20">
        <v>16.899999999999999</v>
      </c>
      <c r="L81" s="21">
        <v>5.2</v>
      </c>
    </row>
    <row r="82" spans="1:19" s="22" customFormat="1" ht="11.25" customHeight="1" x14ac:dyDescent="0.15">
      <c r="A82" s="40"/>
      <c r="B82" s="17" t="s">
        <v>13</v>
      </c>
      <c r="C82" s="42"/>
      <c r="D82" s="19">
        <v>109184</v>
      </c>
      <c r="E82" s="19">
        <v>35708</v>
      </c>
      <c r="F82" s="19">
        <v>53970</v>
      </c>
      <c r="G82" s="19">
        <v>18262</v>
      </c>
      <c r="H82" s="19">
        <v>73476</v>
      </c>
      <c r="I82" s="19">
        <v>363306</v>
      </c>
      <c r="J82" s="19">
        <v>289830</v>
      </c>
      <c r="K82" s="43">
        <v>17.100000000000001</v>
      </c>
      <c r="L82" s="21">
        <v>5.8</v>
      </c>
    </row>
    <row r="83" spans="1:19" s="1" customFormat="1" ht="6" customHeight="1" thickBot="1" x14ac:dyDescent="0.2">
      <c r="A83" s="35"/>
      <c r="B83" s="36"/>
      <c r="C83" s="36"/>
      <c r="D83" s="37"/>
      <c r="E83" s="37"/>
      <c r="F83" s="37"/>
      <c r="G83" s="37"/>
      <c r="H83" s="37"/>
      <c r="I83" s="37"/>
      <c r="J83" s="37"/>
      <c r="K83" s="38"/>
      <c r="L83" s="39"/>
    </row>
    <row r="84" spans="1:19" s="61" customFormat="1" ht="13.5" customHeight="1" x14ac:dyDescent="0.15">
      <c r="A84" s="60" t="s">
        <v>14</v>
      </c>
      <c r="B84" s="60"/>
      <c r="C84" s="60"/>
      <c r="D84" s="60"/>
      <c r="E84" s="60"/>
      <c r="F84" s="60"/>
      <c r="G84" s="60"/>
      <c r="H84" s="60"/>
      <c r="I84" s="60"/>
      <c r="J84" s="60"/>
      <c r="K84" s="60"/>
      <c r="L84" s="60"/>
    </row>
    <row r="85" spans="1:19" s="63" customFormat="1" ht="13.5" customHeight="1" x14ac:dyDescent="0.15">
      <c r="A85" s="62" t="s">
        <v>30</v>
      </c>
      <c r="B85" s="62"/>
      <c r="C85" s="62"/>
      <c r="D85" s="62"/>
      <c r="E85" s="62"/>
      <c r="F85" s="62"/>
      <c r="G85" s="62"/>
      <c r="H85" s="62"/>
      <c r="I85" s="62"/>
      <c r="J85" s="62"/>
      <c r="K85" s="62"/>
      <c r="L85" s="62"/>
      <c r="M85" s="61"/>
      <c r="N85" s="61"/>
      <c r="O85" s="61"/>
      <c r="P85" s="61"/>
      <c r="Q85" s="61"/>
      <c r="R85" s="61"/>
      <c r="S85" s="61"/>
    </row>
    <row r="86" spans="1:19" s="63" customFormat="1" ht="13.5" customHeight="1" x14ac:dyDescent="0.15">
      <c r="A86" s="62" t="s">
        <v>31</v>
      </c>
      <c r="B86" s="62"/>
      <c r="C86" s="62"/>
      <c r="D86" s="62"/>
      <c r="E86" s="62"/>
      <c r="F86" s="62"/>
      <c r="G86" s="62"/>
      <c r="H86" s="62"/>
      <c r="I86" s="62"/>
      <c r="J86" s="62"/>
      <c r="K86" s="62"/>
      <c r="L86" s="62"/>
      <c r="M86" s="61"/>
      <c r="N86" s="61"/>
      <c r="O86" s="61"/>
      <c r="P86" s="61"/>
      <c r="Q86" s="61"/>
      <c r="R86" s="61"/>
      <c r="S86" s="61"/>
    </row>
  </sheetData>
  <mergeCells count="11">
    <mergeCell ref="A84:L84"/>
    <mergeCell ref="A85:L85"/>
    <mergeCell ref="A86:L86"/>
    <mergeCell ref="A1:L1"/>
    <mergeCell ref="A2:C2"/>
    <mergeCell ref="A3:C4"/>
    <mergeCell ref="D3:D4"/>
    <mergeCell ref="E3:G3"/>
    <mergeCell ref="H3:J3"/>
    <mergeCell ref="K3:K4"/>
    <mergeCell ref="L3:L4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scale="85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２表</vt:lpstr>
      <vt:lpstr>第２表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2-10T07:40:07Z</cp:lastPrinted>
  <dcterms:created xsi:type="dcterms:W3CDTF">2022-01-28T00:28:25Z</dcterms:created>
  <dcterms:modified xsi:type="dcterms:W3CDTF">2022-02-16T00:47:27Z</dcterms:modified>
</cp:coreProperties>
</file>